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2章 人口\02公表用（改定有）\"/>
    </mc:Choice>
  </mc:AlternateContent>
  <xr:revisionPtr revIDLastSave="0" documentId="13_ncr:1_{D033C4E4-D955-49C0-B8DD-DBA8C6753CBD}" xr6:coauthVersionLast="44" xr6:coauthVersionMax="44" xr10:uidLastSave="{00000000-0000-0000-0000-000000000000}"/>
  <bookViews>
    <workbookView xWindow="-108" yWindow="-108" windowWidth="23256" windowHeight="12576" xr2:uid="{5D7BB5AF-4A46-45FC-8521-4E5D0E301071}"/>
  </bookViews>
  <sheets>
    <sheet name="２　世帯数・人口" sheetId="1" r:id="rId1"/>
  </sheets>
  <definedNames>
    <definedName name="_xlnm._FilterDatabase" localSheetId="0" hidden="1">'２　世帯数・人口'!$A$3:$N$3</definedName>
    <definedName name="_xlnm.Print_Area" localSheetId="0">'２　世帯数・人口'!$A$1:$N$110</definedName>
    <definedName name="_xlnm.Print_Titles" localSheetId="0">'２　世帯数・人口'!$1:$3</definedName>
    <definedName name="Q_エクスポート女">#REF!</definedName>
    <definedName name="Q_エクスポート男">#REF!</definedName>
    <definedName name="エクスポートデータ">#REF!</definedName>
    <definedName name="浜益区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H35" i="1" l="1"/>
  <c r="L35" i="1"/>
  <c r="H36" i="1"/>
  <c r="L36" i="1"/>
  <c r="H37" i="1"/>
  <c r="L37" i="1"/>
  <c r="H38" i="1"/>
  <c r="L38" i="1"/>
  <c r="H39" i="1"/>
  <c r="L39" i="1"/>
  <c r="H40" i="1"/>
  <c r="L40" i="1"/>
  <c r="H41" i="1"/>
  <c r="L41" i="1"/>
  <c r="H43" i="1"/>
  <c r="L43" i="1"/>
</calcChain>
</file>

<file path=xl/sharedStrings.xml><?xml version="1.0" encoding="utf-8"?>
<sst xmlns="http://schemas.openxmlformats.org/spreadsheetml/2006/main" count="380" uniqueCount="369">
  <si>
    <t>平成３０年</t>
    <rPh sb="0" eb="2">
      <t>ｈ</t>
    </rPh>
    <rPh sb="4" eb="5">
      <t>ネン</t>
    </rPh>
    <phoneticPr fontId="4"/>
  </si>
  <si>
    <t>２０１８年</t>
    <rPh sb="4" eb="5">
      <t>ネン</t>
    </rPh>
    <phoneticPr fontId="4"/>
  </si>
  <si>
    <t>平成２９年</t>
    <rPh sb="0" eb="2">
      <t>ｈ</t>
    </rPh>
    <rPh sb="4" eb="5">
      <t>ネン</t>
    </rPh>
    <phoneticPr fontId="4"/>
  </si>
  <si>
    <t>２０１７年</t>
    <rPh sb="4" eb="5">
      <t>ネン</t>
    </rPh>
    <phoneticPr fontId="4"/>
  </si>
  <si>
    <t>平成２８年</t>
    <rPh sb="0" eb="2">
      <t>ｈ</t>
    </rPh>
    <rPh sb="4" eb="5">
      <t>ネン</t>
    </rPh>
    <phoneticPr fontId="4"/>
  </si>
  <si>
    <t>２０１６年</t>
    <rPh sb="4" eb="5">
      <t>ネン</t>
    </rPh>
    <phoneticPr fontId="4"/>
  </si>
  <si>
    <t>802
(711)</t>
    <phoneticPr fontId="2"/>
  </si>
  <si>
    <t>670
(617)</t>
    <phoneticPr fontId="2"/>
  </si>
  <si>
    <t>1,472
(1,328)</t>
    <phoneticPr fontId="2"/>
  </si>
  <si>
    <t>832
(697)</t>
    <phoneticPr fontId="2"/>
  </si>
  <si>
    <t>1,017
(969)</t>
    <phoneticPr fontId="2"/>
  </si>
  <si>
    <t>1,019
(958)</t>
    <phoneticPr fontId="2"/>
  </si>
  <si>
    <t>2,036
(1,927)</t>
    <phoneticPr fontId="2"/>
  </si>
  <si>
    <t>1,100
(839)</t>
    <phoneticPr fontId="2"/>
  </si>
  <si>
    <t>30,563
（29,888）</t>
    <phoneticPr fontId="2"/>
  </si>
  <si>
    <t>28,578
（27,548）</t>
    <phoneticPr fontId="2"/>
  </si>
  <si>
    <t>59,141
（57,436）</t>
    <phoneticPr fontId="2"/>
  </si>
  <si>
    <t>27,106
（22,426）</t>
    <phoneticPr fontId="2"/>
  </si>
  <si>
    <t>平成２７年</t>
    <rPh sb="0" eb="2">
      <t>ｈ</t>
    </rPh>
    <rPh sb="4" eb="5">
      <t>ネン</t>
    </rPh>
    <phoneticPr fontId="4"/>
  </si>
  <si>
    <t>２０１５年</t>
    <rPh sb="4" eb="5">
      <t>ネン</t>
    </rPh>
    <phoneticPr fontId="4"/>
  </si>
  <si>
    <t>平成２６年</t>
    <rPh sb="0" eb="2">
      <t>ｈ</t>
    </rPh>
    <rPh sb="4" eb="5">
      <t>ネン</t>
    </rPh>
    <phoneticPr fontId="4"/>
  </si>
  <si>
    <t>２０１４年</t>
    <rPh sb="4" eb="5">
      <t>ネン</t>
    </rPh>
    <phoneticPr fontId="4"/>
  </si>
  <si>
    <t>平成２５年</t>
    <rPh sb="0" eb="2">
      <t>ｈ</t>
    </rPh>
    <rPh sb="4" eb="5">
      <t>ネン</t>
    </rPh>
    <phoneticPr fontId="4"/>
  </si>
  <si>
    <t>２０１３年</t>
    <rPh sb="4" eb="5">
      <t>ネン</t>
    </rPh>
    <phoneticPr fontId="4"/>
  </si>
  <si>
    <t>平成２４年</t>
    <rPh sb="0" eb="2">
      <t>ｈ</t>
    </rPh>
    <rPh sb="4" eb="5">
      <t>ネン</t>
    </rPh>
    <phoneticPr fontId="4"/>
  </si>
  <si>
    <t>２０１２年</t>
    <rPh sb="4" eb="5">
      <t>ネン</t>
    </rPh>
    <phoneticPr fontId="4"/>
  </si>
  <si>
    <t>平成２３年</t>
    <rPh sb="0" eb="2">
      <t>ｈ</t>
    </rPh>
    <rPh sb="4" eb="5">
      <t>ネン</t>
    </rPh>
    <phoneticPr fontId="4"/>
  </si>
  <si>
    <t>２０１１年</t>
    <rPh sb="4" eb="5">
      <t>ネン</t>
    </rPh>
    <phoneticPr fontId="4"/>
  </si>
  <si>
    <t>940
(898)</t>
    <phoneticPr fontId="2"/>
  </si>
  <si>
    <t>823
(757)</t>
    <phoneticPr fontId="2"/>
  </si>
  <si>
    <t>1,763
(1,655)</t>
    <phoneticPr fontId="2"/>
  </si>
  <si>
    <t>923
(834)</t>
    <phoneticPr fontId="2"/>
  </si>
  <si>
    <t>1,191
(1,113)</t>
    <phoneticPr fontId="2"/>
  </si>
  <si>
    <t>1,212
(1,104)</t>
    <phoneticPr fontId="2"/>
  </si>
  <si>
    <t>2,403
(2,217)</t>
    <phoneticPr fontId="2"/>
  </si>
  <si>
    <t>1,214
(918)</t>
    <phoneticPr fontId="2"/>
  </si>
  <si>
    <t>31,459
（30,895）</t>
    <phoneticPr fontId="2"/>
  </si>
  <si>
    <t>29,618
（28,554）</t>
    <phoneticPr fontId="2"/>
  </si>
  <si>
    <t>61,077
（59,449）</t>
    <phoneticPr fontId="2"/>
  </si>
  <si>
    <t>26,369
（22,603）</t>
    <phoneticPr fontId="2"/>
  </si>
  <si>
    <t>平成２２年</t>
    <rPh sb="0" eb="2">
      <t>ｈ</t>
    </rPh>
    <rPh sb="4" eb="5">
      <t>ネン</t>
    </rPh>
    <phoneticPr fontId="4"/>
  </si>
  <si>
    <t>２０１０年</t>
    <rPh sb="4" eb="5">
      <t>ネン</t>
    </rPh>
    <phoneticPr fontId="4"/>
  </si>
  <si>
    <t>平成２１年</t>
    <rPh sb="0" eb="2">
      <t>ｈ</t>
    </rPh>
    <rPh sb="4" eb="5">
      <t>ネン</t>
    </rPh>
    <phoneticPr fontId="4"/>
  </si>
  <si>
    <t>２００９年</t>
    <rPh sb="4" eb="5">
      <t>ネン</t>
    </rPh>
    <phoneticPr fontId="4"/>
  </si>
  <si>
    <t>平成２０年</t>
    <rPh sb="0" eb="2">
      <t>ｈ</t>
    </rPh>
    <rPh sb="4" eb="5">
      <t>ネン</t>
    </rPh>
    <phoneticPr fontId="4"/>
  </si>
  <si>
    <t>２００８年</t>
    <rPh sb="4" eb="5">
      <t>ネン</t>
    </rPh>
    <phoneticPr fontId="4"/>
  </si>
  <si>
    <t>平成１９年</t>
    <rPh sb="0" eb="2">
      <t>ｈ</t>
    </rPh>
    <rPh sb="4" eb="5">
      <t>ネン</t>
    </rPh>
    <phoneticPr fontId="4"/>
  </si>
  <si>
    <t>２００７年</t>
    <rPh sb="4" eb="5">
      <t>ネン</t>
    </rPh>
    <phoneticPr fontId="4"/>
  </si>
  <si>
    <t>平成１８年</t>
    <rPh sb="0" eb="2">
      <t>ｈ</t>
    </rPh>
    <rPh sb="4" eb="5">
      <t>ネン</t>
    </rPh>
    <phoneticPr fontId="4"/>
  </si>
  <si>
    <t>２００６年</t>
    <rPh sb="4" eb="5">
      <t>ネン</t>
    </rPh>
    <phoneticPr fontId="4"/>
  </si>
  <si>
    <t>1,120
(1,059)</t>
    <phoneticPr fontId="2"/>
  </si>
  <si>
    <t>984
(914)</t>
    <phoneticPr fontId="2"/>
  </si>
  <si>
    <t>2,104
(1,973)</t>
    <phoneticPr fontId="2"/>
  </si>
  <si>
    <t>1,006
(915)</t>
    <phoneticPr fontId="2"/>
  </si>
  <si>
    <t>1,383
(1,297)</t>
    <phoneticPr fontId="2"/>
  </si>
  <si>
    <t>1,396
(1,268)</t>
    <phoneticPr fontId="2"/>
  </si>
  <si>
    <t>2,779
(2,565)</t>
    <phoneticPr fontId="2"/>
  </si>
  <si>
    <t>1,246
(1,006)</t>
    <phoneticPr fontId="2"/>
  </si>
  <si>
    <t>31,480
（31,162）</t>
    <phoneticPr fontId="2"/>
  </si>
  <si>
    <t>29,870
（28,942）</t>
    <phoneticPr fontId="2"/>
  </si>
  <si>
    <t>61,358
（60,104）</t>
    <phoneticPr fontId="2"/>
  </si>
  <si>
    <t>24,746
（21,925）</t>
    <phoneticPr fontId="2"/>
  </si>
  <si>
    <t>平成１７年</t>
    <rPh sb="0" eb="2">
      <t>ｈ</t>
    </rPh>
    <rPh sb="4" eb="5">
      <t>ネン</t>
    </rPh>
    <phoneticPr fontId="4"/>
  </si>
  <si>
    <t>２００５年</t>
    <rPh sb="4" eb="5">
      <t>ネン</t>
    </rPh>
    <phoneticPr fontId="4"/>
  </si>
  <si>
    <t>平成１６年</t>
    <rPh sb="0" eb="2">
      <t>ｈ</t>
    </rPh>
    <rPh sb="4" eb="5">
      <t>ネン</t>
    </rPh>
    <phoneticPr fontId="4"/>
  </si>
  <si>
    <t>２００４年</t>
    <rPh sb="4" eb="5">
      <t>ネン</t>
    </rPh>
    <phoneticPr fontId="4"/>
  </si>
  <si>
    <t>平成１５年</t>
    <rPh sb="0" eb="2">
      <t>ｈ</t>
    </rPh>
    <rPh sb="4" eb="5">
      <t>ネン</t>
    </rPh>
    <phoneticPr fontId="4"/>
  </si>
  <si>
    <t>２００３年</t>
    <rPh sb="4" eb="5">
      <t>ネン</t>
    </rPh>
    <phoneticPr fontId="4"/>
  </si>
  <si>
    <t>平成１４年</t>
    <rPh sb="0" eb="2">
      <t>ｈ</t>
    </rPh>
    <rPh sb="4" eb="5">
      <t>ネン</t>
    </rPh>
    <phoneticPr fontId="4"/>
  </si>
  <si>
    <t>２００２年</t>
    <rPh sb="4" eb="5">
      <t>ネン</t>
    </rPh>
    <phoneticPr fontId="4"/>
  </si>
  <si>
    <t>平成１３年</t>
    <rPh sb="0" eb="2">
      <t>ｈ</t>
    </rPh>
    <rPh sb="4" eb="5">
      <t>ネン</t>
    </rPh>
    <phoneticPr fontId="4"/>
  </si>
  <si>
    <t>２００１年</t>
    <rPh sb="0" eb="5">
      <t>２００１ネン</t>
    </rPh>
    <phoneticPr fontId="4"/>
  </si>
  <si>
    <t>1,227
(1,207)</t>
    <phoneticPr fontId="2"/>
  </si>
  <si>
    <t>1,128
(1,156)</t>
    <phoneticPr fontId="2"/>
  </si>
  <si>
    <t>2,355
(2,363)</t>
    <phoneticPr fontId="2"/>
  </si>
  <si>
    <t>1,029
(1,091)</t>
    <phoneticPr fontId="2"/>
  </si>
  <si>
    <t>1,515
(1,417)</t>
    <phoneticPr fontId="2"/>
  </si>
  <si>
    <t>1,515
(1,387)</t>
    <phoneticPr fontId="2"/>
  </si>
  <si>
    <t>3,030
(2,804)</t>
    <phoneticPr fontId="2"/>
  </si>
  <si>
    <t>1,237
(1,032)</t>
    <phoneticPr fontId="2"/>
  </si>
  <si>
    <t>28,448
（28,244）</t>
    <phoneticPr fontId="2"/>
  </si>
  <si>
    <t>27,032
（26,323）</t>
    <phoneticPr fontId="2"/>
  </si>
  <si>
    <t>55,480
（54,567）</t>
    <phoneticPr fontId="2"/>
  </si>
  <si>
    <t>20,100
（18,688）</t>
    <phoneticPr fontId="2"/>
  </si>
  <si>
    <t>平成１２年</t>
    <rPh sb="0" eb="2">
      <t>ｈ</t>
    </rPh>
    <rPh sb="4" eb="5">
      <t>ネン</t>
    </rPh>
    <phoneticPr fontId="4"/>
  </si>
  <si>
    <t>２０００年</t>
    <rPh sb="0" eb="5">
      <t>２０００ネン</t>
    </rPh>
    <phoneticPr fontId="4"/>
  </si>
  <si>
    <t>平成１１年</t>
    <rPh sb="0" eb="2">
      <t>ｈ</t>
    </rPh>
    <rPh sb="4" eb="5">
      <t>ネン</t>
    </rPh>
    <phoneticPr fontId="4"/>
  </si>
  <si>
    <t>１９９９年</t>
    <rPh sb="0" eb="5">
      <t>１９９９ネン</t>
    </rPh>
    <phoneticPr fontId="4"/>
  </si>
  <si>
    <t>平成１０年</t>
    <rPh sb="0" eb="2">
      <t>ｈ</t>
    </rPh>
    <rPh sb="4" eb="5">
      <t>ネン</t>
    </rPh>
    <phoneticPr fontId="4"/>
  </si>
  <si>
    <t>１９９８年</t>
    <rPh sb="4" eb="5">
      <t>ネン</t>
    </rPh>
    <phoneticPr fontId="4"/>
  </si>
  <si>
    <t>平成９年</t>
    <rPh sb="0" eb="2">
      <t>ｈ</t>
    </rPh>
    <rPh sb="3" eb="4">
      <t>ネン</t>
    </rPh>
    <phoneticPr fontId="4"/>
  </si>
  <si>
    <t>１９９７年</t>
    <rPh sb="4" eb="5">
      <t>ネン</t>
    </rPh>
    <phoneticPr fontId="4"/>
  </si>
  <si>
    <t>平成８年</t>
    <rPh sb="0" eb="2">
      <t>ｈ</t>
    </rPh>
    <rPh sb="3" eb="4">
      <t>ネン</t>
    </rPh>
    <phoneticPr fontId="4"/>
  </si>
  <si>
    <t>１９９６年</t>
    <rPh sb="4" eb="5">
      <t>ネン</t>
    </rPh>
    <phoneticPr fontId="4"/>
  </si>
  <si>
    <t>1,408
(1,342)</t>
    <phoneticPr fontId="2"/>
  </si>
  <si>
    <t>1,257
(1,208)</t>
    <phoneticPr fontId="2"/>
  </si>
  <si>
    <t>2,665
(2,550)</t>
    <phoneticPr fontId="2"/>
  </si>
  <si>
    <t>1,076
(1,066)</t>
    <phoneticPr fontId="2"/>
  </si>
  <si>
    <t>1,594
(1,474)</t>
    <phoneticPr fontId="2"/>
  </si>
  <si>
    <t>1,607
(1,473)</t>
    <phoneticPr fontId="2"/>
  </si>
  <si>
    <t>3,201
(2,947)</t>
    <phoneticPr fontId="2"/>
  </si>
  <si>
    <t>1,170
(1,027)</t>
    <phoneticPr fontId="2"/>
  </si>
  <si>
    <t>27,154
（26,982）</t>
    <phoneticPr fontId="2"/>
  </si>
  <si>
    <t>25,865
（25,227）</t>
    <phoneticPr fontId="2"/>
  </si>
  <si>
    <t>53,019
（52,209）</t>
    <phoneticPr fontId="2"/>
  </si>
  <si>
    <t>17,845
（16,549）</t>
    <phoneticPr fontId="2"/>
  </si>
  <si>
    <t>平成７年</t>
    <rPh sb="0" eb="2">
      <t>ｈ</t>
    </rPh>
    <rPh sb="3" eb="4">
      <t>ネン</t>
    </rPh>
    <phoneticPr fontId="4"/>
  </si>
  <si>
    <t>１９９５年</t>
    <rPh sb="4" eb="5">
      <t>ネン</t>
    </rPh>
    <phoneticPr fontId="4"/>
  </si>
  <si>
    <t>平成６年</t>
    <rPh sb="0" eb="2">
      <t>ｈ</t>
    </rPh>
    <rPh sb="3" eb="4">
      <t>ネン</t>
    </rPh>
    <phoneticPr fontId="4"/>
  </si>
  <si>
    <t>１９９４年</t>
    <rPh sb="4" eb="5">
      <t>ネン</t>
    </rPh>
    <phoneticPr fontId="4"/>
  </si>
  <si>
    <t>平成５年</t>
    <rPh sb="0" eb="2">
      <t>ｈ</t>
    </rPh>
    <rPh sb="3" eb="4">
      <t>ネン</t>
    </rPh>
    <phoneticPr fontId="4"/>
  </si>
  <si>
    <t>１９９３年</t>
    <rPh sb="4" eb="5">
      <t>ネン</t>
    </rPh>
    <phoneticPr fontId="4"/>
  </si>
  <si>
    <t>平成４年</t>
    <rPh sb="0" eb="2">
      <t>ｈ</t>
    </rPh>
    <rPh sb="3" eb="4">
      <t>ネン</t>
    </rPh>
    <phoneticPr fontId="4"/>
  </si>
  <si>
    <t>１９９２年</t>
    <rPh sb="4" eb="5">
      <t>ネン</t>
    </rPh>
    <phoneticPr fontId="4"/>
  </si>
  <si>
    <t>平成３年</t>
    <rPh sb="0" eb="2">
      <t>ｈ</t>
    </rPh>
    <rPh sb="3" eb="4">
      <t>ネン</t>
    </rPh>
    <phoneticPr fontId="4"/>
  </si>
  <si>
    <t>１９９１年</t>
    <rPh sb="4" eb="5">
      <t>ネン</t>
    </rPh>
    <phoneticPr fontId="4"/>
  </si>
  <si>
    <t>1,581
(1,492)</t>
    <phoneticPr fontId="2"/>
  </si>
  <si>
    <t>1,423
(1,290)</t>
    <phoneticPr fontId="2"/>
  </si>
  <si>
    <t>3,004
(2,782)</t>
    <phoneticPr fontId="2"/>
  </si>
  <si>
    <t>1,103
(1,084)</t>
    <phoneticPr fontId="2"/>
  </si>
  <si>
    <t>1,606
(1,514)</t>
    <phoneticPr fontId="2"/>
  </si>
  <si>
    <t>1,577
(1,508)</t>
    <phoneticPr fontId="2"/>
  </si>
  <si>
    <t>3,183
(3,022)</t>
    <phoneticPr fontId="2"/>
  </si>
  <si>
    <t>1,077
(995)</t>
    <phoneticPr fontId="2"/>
  </si>
  <si>
    <t>24,627
（24,427）</t>
    <phoneticPr fontId="2"/>
  </si>
  <si>
    <t>23,297
（22,912）</t>
    <phoneticPr fontId="2"/>
  </si>
  <si>
    <t>47,924
（47,339）</t>
    <phoneticPr fontId="2"/>
  </si>
  <si>
    <t>15,046
（14,126）</t>
    <phoneticPr fontId="2"/>
  </si>
  <si>
    <t>平成２年</t>
    <rPh sb="0" eb="2">
      <t>ｈ</t>
    </rPh>
    <rPh sb="3" eb="4">
      <t>ネン</t>
    </rPh>
    <phoneticPr fontId="4"/>
  </si>
  <si>
    <t>１９９０年</t>
    <rPh sb="4" eb="5">
      <t>ネン</t>
    </rPh>
    <phoneticPr fontId="4"/>
  </si>
  <si>
    <t>平成元年</t>
    <rPh sb="0" eb="2">
      <t>ヘイセイ</t>
    </rPh>
    <rPh sb="2" eb="4">
      <t>ガンネン</t>
    </rPh>
    <phoneticPr fontId="4"/>
  </si>
  <si>
    <t>１９８９年</t>
    <rPh sb="4" eb="5">
      <t>ネン</t>
    </rPh>
    <phoneticPr fontId="4"/>
  </si>
  <si>
    <t>昭和６３年</t>
    <rPh sb="0" eb="2">
      <t>ｓ</t>
    </rPh>
    <rPh sb="4" eb="5">
      <t>ネン</t>
    </rPh>
    <phoneticPr fontId="4"/>
  </si>
  <si>
    <t>１９８８年</t>
    <rPh sb="4" eb="5">
      <t>ネン</t>
    </rPh>
    <phoneticPr fontId="4"/>
  </si>
  <si>
    <t>昭和６２年</t>
    <rPh sb="0" eb="2">
      <t>ｓ</t>
    </rPh>
    <rPh sb="4" eb="5">
      <t>ネン</t>
    </rPh>
    <phoneticPr fontId="4"/>
  </si>
  <si>
    <t>１９８７年</t>
    <rPh sb="4" eb="5">
      <t>ネン</t>
    </rPh>
    <phoneticPr fontId="4"/>
  </si>
  <si>
    <t>昭和６１年</t>
    <rPh sb="0" eb="2">
      <t>ｓ</t>
    </rPh>
    <rPh sb="4" eb="5">
      <t>ネン</t>
    </rPh>
    <phoneticPr fontId="4"/>
  </si>
  <si>
    <t>１９８６年</t>
    <rPh sb="4" eb="5">
      <t>ネン</t>
    </rPh>
    <phoneticPr fontId="4"/>
  </si>
  <si>
    <t>1,791
(1,738)</t>
    <phoneticPr fontId="2"/>
  </si>
  <si>
    <t>1,663
(1,589)</t>
    <phoneticPr fontId="2"/>
  </si>
  <si>
    <t>3,454
(3,327)</t>
    <phoneticPr fontId="2"/>
  </si>
  <si>
    <t>1,145
(1,181)</t>
    <phoneticPr fontId="2"/>
  </si>
  <si>
    <t>1,622
(1,535)</t>
    <phoneticPr fontId="2"/>
  </si>
  <si>
    <t>1,574
(1,511)</t>
    <phoneticPr fontId="2"/>
  </si>
  <si>
    <t>3,196
(3,046)</t>
    <phoneticPr fontId="2"/>
  </si>
  <si>
    <t>984
(941)</t>
    <phoneticPr fontId="2"/>
  </si>
  <si>
    <t>21,415
（21,300）</t>
    <phoneticPr fontId="2"/>
  </si>
  <si>
    <t>20,719
（20,342）</t>
    <phoneticPr fontId="2"/>
  </si>
  <si>
    <t>42,134
（41,642）</t>
    <phoneticPr fontId="2"/>
  </si>
  <si>
    <t>12,689
（11,855）</t>
    <phoneticPr fontId="2"/>
  </si>
  <si>
    <t>昭和６０年</t>
    <rPh sb="0" eb="2">
      <t>ｓ</t>
    </rPh>
    <rPh sb="4" eb="5">
      <t>ネン</t>
    </rPh>
    <phoneticPr fontId="4"/>
  </si>
  <si>
    <t>１９８５年</t>
    <rPh sb="4" eb="5">
      <t>ネン</t>
    </rPh>
    <phoneticPr fontId="4"/>
  </si>
  <si>
    <t>昭和５９年</t>
    <rPh sb="0" eb="2">
      <t>ｓ</t>
    </rPh>
    <rPh sb="4" eb="5">
      <t>ネン</t>
    </rPh>
    <phoneticPr fontId="4"/>
  </si>
  <si>
    <t>１９８４年</t>
    <rPh sb="4" eb="5">
      <t>ネン</t>
    </rPh>
    <phoneticPr fontId="4"/>
  </si>
  <si>
    <t>昭和５８年</t>
    <rPh sb="0" eb="2">
      <t>ｓ</t>
    </rPh>
    <rPh sb="4" eb="5">
      <t>ネン</t>
    </rPh>
    <phoneticPr fontId="4"/>
  </si>
  <si>
    <t>１９８３年</t>
    <rPh sb="4" eb="5">
      <t>ネン</t>
    </rPh>
    <phoneticPr fontId="4"/>
  </si>
  <si>
    <t>昭和５７年</t>
    <rPh sb="0" eb="2">
      <t>ｓ</t>
    </rPh>
    <rPh sb="4" eb="5">
      <t>ネン</t>
    </rPh>
    <phoneticPr fontId="4"/>
  </si>
  <si>
    <t>１９８２年</t>
    <rPh sb="4" eb="5">
      <t>ネン</t>
    </rPh>
    <phoneticPr fontId="4"/>
  </si>
  <si>
    <t>昭和５６年</t>
    <rPh sb="0" eb="2">
      <t>ｓ</t>
    </rPh>
    <rPh sb="4" eb="5">
      <t>ネン</t>
    </rPh>
    <phoneticPr fontId="4"/>
  </si>
  <si>
    <t>１９８１年</t>
    <rPh sb="4" eb="5">
      <t>ネン</t>
    </rPh>
    <phoneticPr fontId="4"/>
  </si>
  <si>
    <t>2,074
(2,021)</t>
    <phoneticPr fontId="2"/>
  </si>
  <si>
    <t>1,907
(1,956)</t>
    <phoneticPr fontId="2"/>
  </si>
  <si>
    <t>3,981
(3,977)</t>
    <phoneticPr fontId="2"/>
  </si>
  <si>
    <t>1,207
(1,321)</t>
    <phoneticPr fontId="2"/>
  </si>
  <si>
    <t>1,760
(1,658)</t>
    <phoneticPr fontId="2"/>
  </si>
  <si>
    <t>1,677
(1,549)</t>
    <phoneticPr fontId="2"/>
  </si>
  <si>
    <t>3,437
(3,207)</t>
    <phoneticPr fontId="2"/>
  </si>
  <si>
    <t>982
(930)</t>
    <phoneticPr fontId="2"/>
  </si>
  <si>
    <t>17,215
（17,069）</t>
    <phoneticPr fontId="2"/>
  </si>
  <si>
    <t>16,794
（16,530）</t>
    <phoneticPr fontId="2"/>
  </si>
  <si>
    <t>34,009
（33,599）</t>
    <phoneticPr fontId="2"/>
  </si>
  <si>
    <t>9,964
（9,633）</t>
    <phoneticPr fontId="2"/>
  </si>
  <si>
    <t>昭和５５年</t>
    <rPh sb="0" eb="2">
      <t>ｓ</t>
    </rPh>
    <rPh sb="4" eb="5">
      <t>ネン</t>
    </rPh>
    <phoneticPr fontId="4"/>
  </si>
  <si>
    <t>１９８０年</t>
    <rPh sb="4" eb="5">
      <t>ネン</t>
    </rPh>
    <phoneticPr fontId="4"/>
  </si>
  <si>
    <t>昭和５４年</t>
    <rPh sb="0" eb="2">
      <t>ｓ</t>
    </rPh>
    <rPh sb="4" eb="5">
      <t>ネン</t>
    </rPh>
    <phoneticPr fontId="4"/>
  </si>
  <si>
    <t>１９７９年</t>
    <rPh sb="4" eb="5">
      <t>ネン</t>
    </rPh>
    <phoneticPr fontId="4"/>
  </si>
  <si>
    <t>昭和５３年</t>
    <rPh sb="0" eb="2">
      <t>ｓ</t>
    </rPh>
    <rPh sb="4" eb="5">
      <t>ネン</t>
    </rPh>
    <phoneticPr fontId="4"/>
  </si>
  <si>
    <t>１９７８年</t>
    <rPh sb="4" eb="5">
      <t>ネン</t>
    </rPh>
    <phoneticPr fontId="4"/>
  </si>
  <si>
    <t>昭和５２年</t>
    <rPh sb="0" eb="2">
      <t>ｓ</t>
    </rPh>
    <rPh sb="4" eb="5">
      <t>ネン</t>
    </rPh>
    <phoneticPr fontId="4"/>
  </si>
  <si>
    <t>１９７７年</t>
    <rPh sb="4" eb="5">
      <t>ネン</t>
    </rPh>
    <phoneticPr fontId="4"/>
  </si>
  <si>
    <t>昭和５１年</t>
    <rPh sb="0" eb="2">
      <t>ｓ</t>
    </rPh>
    <rPh sb="4" eb="5">
      <t>ネン</t>
    </rPh>
    <phoneticPr fontId="4"/>
  </si>
  <si>
    <t>１９７６年</t>
    <rPh sb="4" eb="5">
      <t>ネン</t>
    </rPh>
    <phoneticPr fontId="4"/>
  </si>
  <si>
    <t>2,563
(2,488)</t>
    <phoneticPr fontId="2"/>
  </si>
  <si>
    <t>2,327
(2,332)</t>
    <phoneticPr fontId="2"/>
  </si>
  <si>
    <t>4,890
(4,820)</t>
    <phoneticPr fontId="2"/>
  </si>
  <si>
    <t>1,305
(1,290)</t>
    <phoneticPr fontId="2"/>
  </si>
  <si>
    <t>1,962
(1,866)</t>
    <phoneticPr fontId="2"/>
  </si>
  <si>
    <t>1,822
(1,748)</t>
    <phoneticPr fontId="2"/>
  </si>
  <si>
    <t>3,784
(3,614)</t>
    <phoneticPr fontId="2"/>
  </si>
  <si>
    <t>942
(937)</t>
    <phoneticPr fontId="2"/>
  </si>
  <si>
    <t>8,480
（8,202）</t>
    <phoneticPr fontId="2"/>
  </si>
  <si>
    <t>8,344
（8,010）</t>
    <phoneticPr fontId="2"/>
  </si>
  <si>
    <t>16,824
（16,212）</t>
    <phoneticPr fontId="2"/>
  </si>
  <si>
    <t>4,624
（4,378）</t>
    <phoneticPr fontId="2"/>
  </si>
  <si>
    <t>昭和５０年</t>
    <rPh sb="0" eb="2">
      <t>ｓ</t>
    </rPh>
    <rPh sb="4" eb="5">
      <t>ネン</t>
    </rPh>
    <phoneticPr fontId="4"/>
  </si>
  <si>
    <t>１９７５年</t>
    <rPh sb="4" eb="5">
      <t>ネン</t>
    </rPh>
    <phoneticPr fontId="4"/>
  </si>
  <si>
    <t>昭和４９年</t>
    <rPh sb="0" eb="2">
      <t>ｓ</t>
    </rPh>
    <rPh sb="4" eb="5">
      <t>ネン</t>
    </rPh>
    <phoneticPr fontId="4"/>
  </si>
  <si>
    <t>１９７４年</t>
    <rPh sb="4" eb="5">
      <t>ネン</t>
    </rPh>
    <phoneticPr fontId="4"/>
  </si>
  <si>
    <t>昭和４８年</t>
    <rPh sb="0" eb="2">
      <t>ｓ</t>
    </rPh>
    <rPh sb="4" eb="5">
      <t>ネン</t>
    </rPh>
    <phoneticPr fontId="4"/>
  </si>
  <si>
    <t>１９７３年</t>
    <rPh sb="4" eb="5">
      <t>ネン</t>
    </rPh>
    <phoneticPr fontId="4"/>
  </si>
  <si>
    <t>昭和４７年</t>
    <rPh sb="0" eb="2">
      <t>ｓ</t>
    </rPh>
    <rPh sb="4" eb="5">
      <t>ネン</t>
    </rPh>
    <phoneticPr fontId="4"/>
  </si>
  <si>
    <t>１９７２年</t>
    <rPh sb="4" eb="5">
      <t>ネン</t>
    </rPh>
    <phoneticPr fontId="4"/>
  </si>
  <si>
    <t>昭和４６年</t>
    <rPh sb="0" eb="2">
      <t>ｓ</t>
    </rPh>
    <rPh sb="4" eb="5">
      <t>ネン</t>
    </rPh>
    <phoneticPr fontId="4"/>
  </si>
  <si>
    <t>１９７１年</t>
    <rPh sb="4" eb="5">
      <t>ネン</t>
    </rPh>
    <phoneticPr fontId="4"/>
  </si>
  <si>
    <t>3,000
(3,015)</t>
    <phoneticPr fontId="2"/>
  </si>
  <si>
    <t>2,863
(2,875)</t>
    <phoneticPr fontId="2"/>
  </si>
  <si>
    <t>5,863
(5,890)</t>
    <phoneticPr fontId="2"/>
  </si>
  <si>
    <t>1,254
(1,324)</t>
    <phoneticPr fontId="2"/>
  </si>
  <si>
    <t>2,158
(2,083)</t>
    <phoneticPr fontId="2"/>
  </si>
  <si>
    <t>2,083
(2,011)</t>
    <phoneticPr fontId="2"/>
  </si>
  <si>
    <t>4,241
(4,094)</t>
    <phoneticPr fontId="2"/>
  </si>
  <si>
    <t>956
(957)</t>
    <phoneticPr fontId="2"/>
  </si>
  <si>
    <t>5,624
（5,329）</t>
    <phoneticPr fontId="2"/>
  </si>
  <si>
    <t>5,644
（5,174）</t>
    <phoneticPr fontId="2"/>
  </si>
  <si>
    <t>11,268
（10,503）</t>
    <phoneticPr fontId="2"/>
  </si>
  <si>
    <t>2,455
（2,486）</t>
    <phoneticPr fontId="2"/>
  </si>
  <si>
    <t>昭和４５年</t>
    <rPh sb="0" eb="2">
      <t>ｓ</t>
    </rPh>
    <rPh sb="4" eb="5">
      <t>ネン</t>
    </rPh>
    <phoneticPr fontId="4"/>
  </si>
  <si>
    <t>１９７０年</t>
    <rPh sb="4" eb="5">
      <t>ネン</t>
    </rPh>
    <phoneticPr fontId="4"/>
  </si>
  <si>
    <t>昭和４４年</t>
    <rPh sb="0" eb="2">
      <t>ｓ</t>
    </rPh>
    <rPh sb="4" eb="5">
      <t>ネン</t>
    </rPh>
    <phoneticPr fontId="4"/>
  </si>
  <si>
    <t>１９６９年</t>
    <rPh sb="4" eb="5">
      <t>ネン</t>
    </rPh>
    <phoneticPr fontId="4"/>
  </si>
  <si>
    <t>昭和４３年</t>
    <rPh sb="0" eb="2">
      <t>ｓ</t>
    </rPh>
    <rPh sb="4" eb="5">
      <t>ネン</t>
    </rPh>
    <phoneticPr fontId="4"/>
  </si>
  <si>
    <t>１９６８年</t>
    <rPh sb="4" eb="5">
      <t>ネン</t>
    </rPh>
    <phoneticPr fontId="4"/>
  </si>
  <si>
    <t>昭和４２年</t>
    <rPh sb="0" eb="2">
      <t>ｓ</t>
    </rPh>
    <rPh sb="4" eb="5">
      <t>ネン</t>
    </rPh>
    <phoneticPr fontId="4"/>
  </si>
  <si>
    <t>１９６７年</t>
    <rPh sb="4" eb="5">
      <t>ネン</t>
    </rPh>
    <phoneticPr fontId="4"/>
  </si>
  <si>
    <t>昭和４１年</t>
    <rPh sb="0" eb="2">
      <t>ｓ</t>
    </rPh>
    <rPh sb="4" eb="5">
      <t>ネン</t>
    </rPh>
    <phoneticPr fontId="4"/>
  </si>
  <si>
    <t>１９６６年</t>
    <rPh sb="4" eb="5">
      <t>ネン</t>
    </rPh>
    <phoneticPr fontId="4"/>
  </si>
  <si>
    <t>4,645
（4,371）</t>
    <phoneticPr fontId="2"/>
  </si>
  <si>
    <t>4,584
（4,151）</t>
    <phoneticPr fontId="2"/>
  </si>
  <si>
    <t>9,229
（8,522）</t>
    <phoneticPr fontId="2"/>
  </si>
  <si>
    <t>1,660
（1,700）</t>
    <phoneticPr fontId="2"/>
  </si>
  <si>
    <t>昭和４０年</t>
    <rPh sb="0" eb="2">
      <t>ｓ</t>
    </rPh>
    <rPh sb="4" eb="5">
      <t>ネン</t>
    </rPh>
    <phoneticPr fontId="4"/>
  </si>
  <si>
    <t>１９６５年</t>
    <rPh sb="4" eb="5">
      <t>ネン</t>
    </rPh>
    <phoneticPr fontId="4"/>
  </si>
  <si>
    <t>昭和３９年</t>
    <rPh sb="0" eb="2">
      <t>ｓ</t>
    </rPh>
    <rPh sb="4" eb="5">
      <t>ネン</t>
    </rPh>
    <phoneticPr fontId="4"/>
  </si>
  <si>
    <t>１９６４年</t>
    <rPh sb="4" eb="5">
      <t>ネン</t>
    </rPh>
    <phoneticPr fontId="4"/>
  </si>
  <si>
    <t>昭和３８年</t>
    <rPh sb="0" eb="2">
      <t>ｓ</t>
    </rPh>
    <rPh sb="4" eb="5">
      <t>ネン</t>
    </rPh>
    <phoneticPr fontId="4"/>
  </si>
  <si>
    <t>１９６３年</t>
    <rPh sb="4" eb="5">
      <t>ネン</t>
    </rPh>
    <phoneticPr fontId="4"/>
  </si>
  <si>
    <t>昭和３７年</t>
    <rPh sb="0" eb="2">
      <t>ｓ</t>
    </rPh>
    <rPh sb="4" eb="5">
      <t>ネン</t>
    </rPh>
    <phoneticPr fontId="4"/>
  </si>
  <si>
    <t>１９６２年</t>
    <rPh sb="4" eb="5">
      <t>ネン</t>
    </rPh>
    <phoneticPr fontId="4"/>
  </si>
  <si>
    <t>昭和３６年</t>
    <rPh sb="0" eb="2">
      <t>ｓ</t>
    </rPh>
    <rPh sb="4" eb="5">
      <t>ネン</t>
    </rPh>
    <phoneticPr fontId="4"/>
  </si>
  <si>
    <t>１９６１年</t>
    <rPh sb="4" eb="5">
      <t>ネン</t>
    </rPh>
    <phoneticPr fontId="4"/>
  </si>
  <si>
    <t>4,702
（4,749）</t>
    <phoneticPr fontId="2"/>
  </si>
  <si>
    <t>4,845
（4,609）</t>
    <phoneticPr fontId="2"/>
  </si>
  <si>
    <t>9,547
（9,358）</t>
    <phoneticPr fontId="2"/>
  </si>
  <si>
    <t>1,668
（1,645）</t>
    <phoneticPr fontId="2"/>
  </si>
  <si>
    <t>昭和３５年</t>
    <rPh sb="0" eb="2">
      <t>ｓ</t>
    </rPh>
    <rPh sb="4" eb="5">
      <t>ネン</t>
    </rPh>
    <phoneticPr fontId="4"/>
  </si>
  <si>
    <t>１９６０年</t>
    <rPh sb="4" eb="5">
      <t>ネン</t>
    </rPh>
    <phoneticPr fontId="4"/>
  </si>
  <si>
    <t>昭和３４年</t>
    <rPh sb="0" eb="2">
      <t>ｓ</t>
    </rPh>
    <rPh sb="4" eb="5">
      <t>ネン</t>
    </rPh>
    <phoneticPr fontId="4"/>
  </si>
  <si>
    <t>１９５９年</t>
    <rPh sb="4" eb="5">
      <t>ネン</t>
    </rPh>
    <phoneticPr fontId="4"/>
  </si>
  <si>
    <t>昭和３３年</t>
    <rPh sb="0" eb="2">
      <t>ｓ</t>
    </rPh>
    <rPh sb="4" eb="5">
      <t>ネン</t>
    </rPh>
    <phoneticPr fontId="4"/>
  </si>
  <si>
    <t>１９５８年</t>
    <rPh sb="4" eb="5">
      <t>ネン</t>
    </rPh>
    <phoneticPr fontId="4"/>
  </si>
  <si>
    <t>昭和３２年</t>
    <rPh sb="0" eb="2">
      <t>ｓ</t>
    </rPh>
    <rPh sb="4" eb="5">
      <t>ネン</t>
    </rPh>
    <phoneticPr fontId="4"/>
  </si>
  <si>
    <t>１９５７年</t>
    <rPh sb="4" eb="5">
      <t>ネン</t>
    </rPh>
    <phoneticPr fontId="4"/>
  </si>
  <si>
    <t>昭和３１年</t>
    <rPh sb="0" eb="2">
      <t>ｓ</t>
    </rPh>
    <rPh sb="4" eb="5">
      <t>ネン</t>
    </rPh>
    <phoneticPr fontId="4"/>
  </si>
  <si>
    <t>１９５６年</t>
    <rPh sb="4" eb="5">
      <t>ネン</t>
    </rPh>
    <phoneticPr fontId="4"/>
  </si>
  <si>
    <t>4,787
（4,949）</t>
    <phoneticPr fontId="2"/>
  </si>
  <si>
    <t>4,896
（5,180）</t>
    <phoneticPr fontId="2"/>
  </si>
  <si>
    <t>9,683
（10,129）</t>
    <phoneticPr fontId="2"/>
  </si>
  <si>
    <t>1,623
（1,642）</t>
    <phoneticPr fontId="2"/>
  </si>
  <si>
    <t>昭和３０年</t>
    <rPh sb="0" eb="2">
      <t>ｓ</t>
    </rPh>
    <rPh sb="4" eb="5">
      <t>ネン</t>
    </rPh>
    <phoneticPr fontId="4"/>
  </si>
  <si>
    <t>１９５５年</t>
    <rPh sb="4" eb="5">
      <t>ネン</t>
    </rPh>
    <phoneticPr fontId="4"/>
  </si>
  <si>
    <t>昭和２９年</t>
    <rPh sb="0" eb="2">
      <t>ｓ</t>
    </rPh>
    <rPh sb="4" eb="5">
      <t>ネン</t>
    </rPh>
    <phoneticPr fontId="4"/>
  </si>
  <si>
    <t>１９５４年</t>
    <rPh sb="4" eb="5">
      <t>ネン</t>
    </rPh>
    <phoneticPr fontId="4"/>
  </si>
  <si>
    <t>昭和２５年</t>
    <rPh sb="0" eb="2">
      <t>ｓ</t>
    </rPh>
    <rPh sb="4" eb="5">
      <t>ネン</t>
    </rPh>
    <phoneticPr fontId="4"/>
  </si>
  <si>
    <t>１９５０年</t>
    <rPh sb="4" eb="5">
      <t>ネン</t>
    </rPh>
    <phoneticPr fontId="4"/>
  </si>
  <si>
    <t>昭和２２年</t>
    <rPh sb="0" eb="2">
      <t>ｓ</t>
    </rPh>
    <rPh sb="4" eb="5">
      <t>ネン</t>
    </rPh>
    <phoneticPr fontId="4"/>
  </si>
  <si>
    <t>１９４７年</t>
    <rPh sb="4" eb="5">
      <t>ネン</t>
    </rPh>
    <phoneticPr fontId="4"/>
  </si>
  <si>
    <t>昭和１５年</t>
    <rPh sb="0" eb="2">
      <t>ｓ</t>
    </rPh>
    <rPh sb="4" eb="5">
      <t>ネン</t>
    </rPh>
    <phoneticPr fontId="4"/>
  </si>
  <si>
    <t>１９４０年</t>
    <rPh sb="4" eb="5">
      <t>ネン</t>
    </rPh>
    <phoneticPr fontId="4"/>
  </si>
  <si>
    <t>昭和１０年</t>
    <rPh sb="0" eb="2">
      <t>ｓ</t>
    </rPh>
    <rPh sb="4" eb="5">
      <t>ネン</t>
    </rPh>
    <phoneticPr fontId="4"/>
  </si>
  <si>
    <t>１９３５年</t>
    <rPh sb="4" eb="5">
      <t>ネン</t>
    </rPh>
    <phoneticPr fontId="4"/>
  </si>
  <si>
    <t>昭和５年</t>
    <rPh sb="0" eb="2">
      <t>ショウワ</t>
    </rPh>
    <rPh sb="3" eb="4">
      <t>ネン</t>
    </rPh>
    <phoneticPr fontId="4"/>
  </si>
  <si>
    <t>１９３０年</t>
    <rPh sb="4" eb="5">
      <t>ネン</t>
    </rPh>
    <phoneticPr fontId="4"/>
  </si>
  <si>
    <t>大正１４年</t>
    <rPh sb="0" eb="2">
      <t>タイショウ</t>
    </rPh>
    <rPh sb="4" eb="5">
      <t>ネン</t>
    </rPh>
    <phoneticPr fontId="4"/>
  </si>
  <si>
    <t>１９２５年</t>
    <rPh sb="4" eb="5">
      <t>ネン</t>
    </rPh>
    <phoneticPr fontId="4"/>
  </si>
  <si>
    <t>大正９年</t>
    <rPh sb="0" eb="2">
      <t>タイショウ</t>
    </rPh>
    <rPh sb="3" eb="4">
      <t>ネン</t>
    </rPh>
    <phoneticPr fontId="4"/>
  </si>
  <si>
    <t>１９２０年</t>
    <rPh sb="4" eb="5">
      <t>ネン</t>
    </rPh>
    <phoneticPr fontId="4"/>
  </si>
  <si>
    <t>大正６年</t>
    <rPh sb="0" eb="2">
      <t>タイショウ</t>
    </rPh>
    <rPh sb="3" eb="4">
      <t>ネン</t>
    </rPh>
    <phoneticPr fontId="4"/>
  </si>
  <si>
    <t>１９１７年</t>
    <rPh sb="4" eb="5">
      <t>ネン</t>
    </rPh>
    <phoneticPr fontId="4"/>
  </si>
  <si>
    <t>大正５年</t>
    <rPh sb="0" eb="2">
      <t>タイショウ</t>
    </rPh>
    <rPh sb="3" eb="4">
      <t>ネン</t>
    </rPh>
    <phoneticPr fontId="4"/>
  </si>
  <si>
    <t>１９１６年</t>
    <rPh sb="4" eb="5">
      <t>ネン</t>
    </rPh>
    <phoneticPr fontId="4"/>
  </si>
  <si>
    <t>大正４年</t>
    <rPh sb="0" eb="2">
      <t>タイショウ</t>
    </rPh>
    <rPh sb="3" eb="4">
      <t>ネン</t>
    </rPh>
    <phoneticPr fontId="4"/>
  </si>
  <si>
    <t>１９１５年</t>
    <rPh sb="4" eb="5">
      <t>ネン</t>
    </rPh>
    <phoneticPr fontId="4"/>
  </si>
  <si>
    <t>大正３年</t>
    <rPh sb="0" eb="2">
      <t>タイショウ</t>
    </rPh>
    <rPh sb="3" eb="4">
      <t>ネン</t>
    </rPh>
    <phoneticPr fontId="4"/>
  </si>
  <si>
    <t>１９１４年</t>
    <rPh sb="4" eb="5">
      <t>ネン</t>
    </rPh>
    <phoneticPr fontId="4"/>
  </si>
  <si>
    <t>大正２年</t>
    <rPh sb="0" eb="2">
      <t>タイショウ</t>
    </rPh>
    <rPh sb="3" eb="4">
      <t>ネン</t>
    </rPh>
    <phoneticPr fontId="4"/>
  </si>
  <si>
    <t>１９１３年</t>
    <rPh sb="4" eb="5">
      <t>ネン</t>
    </rPh>
    <phoneticPr fontId="4"/>
  </si>
  <si>
    <t>大正元年</t>
    <rPh sb="0" eb="2">
      <t>タイショウ</t>
    </rPh>
    <rPh sb="2" eb="3">
      <t>ガン</t>
    </rPh>
    <rPh sb="3" eb="4">
      <t>ネン</t>
    </rPh>
    <phoneticPr fontId="4"/>
  </si>
  <si>
    <t>１９１２年</t>
    <rPh sb="4" eb="5">
      <t>ネン</t>
    </rPh>
    <phoneticPr fontId="4"/>
  </si>
  <si>
    <t>明治４４年</t>
    <rPh sb="0" eb="2">
      <t>メイジ</t>
    </rPh>
    <rPh sb="4" eb="5">
      <t>ネン</t>
    </rPh>
    <phoneticPr fontId="4"/>
  </si>
  <si>
    <t>１９１１年</t>
    <rPh sb="4" eb="5">
      <t>ネン</t>
    </rPh>
    <phoneticPr fontId="4"/>
  </si>
  <si>
    <t>明治４３年</t>
    <rPh sb="0" eb="2">
      <t>メイジ</t>
    </rPh>
    <rPh sb="4" eb="5">
      <t>ネン</t>
    </rPh>
    <phoneticPr fontId="4"/>
  </si>
  <si>
    <t>１９１０年</t>
    <rPh sb="4" eb="5">
      <t>ネン</t>
    </rPh>
    <phoneticPr fontId="4"/>
  </si>
  <si>
    <t>明治４２年</t>
    <rPh sb="0" eb="2">
      <t>メイジ</t>
    </rPh>
    <rPh sb="4" eb="5">
      <t>ネン</t>
    </rPh>
    <phoneticPr fontId="4"/>
  </si>
  <si>
    <t>１９０９年</t>
    <rPh sb="4" eb="5">
      <t>ネン</t>
    </rPh>
    <phoneticPr fontId="4"/>
  </si>
  <si>
    <t>明治４１年</t>
    <rPh sb="0" eb="2">
      <t>メイジ</t>
    </rPh>
    <rPh sb="4" eb="5">
      <t>ネン</t>
    </rPh>
    <phoneticPr fontId="4"/>
  </si>
  <si>
    <t>１９０８年</t>
    <rPh sb="4" eb="5">
      <t>ネン</t>
    </rPh>
    <phoneticPr fontId="4"/>
  </si>
  <si>
    <t>明治４０年</t>
    <rPh sb="0" eb="2">
      <t>メイジ</t>
    </rPh>
    <rPh sb="4" eb="5">
      <t>ネン</t>
    </rPh>
    <phoneticPr fontId="4"/>
  </si>
  <si>
    <t>１９０７年</t>
    <rPh sb="4" eb="5">
      <t>ネン</t>
    </rPh>
    <phoneticPr fontId="4"/>
  </si>
  <si>
    <t>明治３９年</t>
    <rPh sb="0" eb="2">
      <t>メイジ</t>
    </rPh>
    <rPh sb="4" eb="5">
      <t>ネン</t>
    </rPh>
    <phoneticPr fontId="4"/>
  </si>
  <si>
    <t>１９０６年</t>
    <rPh sb="4" eb="5">
      <t>ネン</t>
    </rPh>
    <phoneticPr fontId="4"/>
  </si>
  <si>
    <t>明治３８年</t>
    <rPh sb="0" eb="2">
      <t>メイジ</t>
    </rPh>
    <rPh sb="4" eb="5">
      <t>ネン</t>
    </rPh>
    <phoneticPr fontId="4"/>
  </si>
  <si>
    <t>１９０５年</t>
    <rPh sb="4" eb="5">
      <t>ネン</t>
    </rPh>
    <phoneticPr fontId="4"/>
  </si>
  <si>
    <t>明治３７年</t>
    <rPh sb="0" eb="2">
      <t>メイジ</t>
    </rPh>
    <rPh sb="4" eb="5">
      <t>ネン</t>
    </rPh>
    <phoneticPr fontId="4"/>
  </si>
  <si>
    <t>１９０４年</t>
    <rPh sb="4" eb="5">
      <t>ネン</t>
    </rPh>
    <phoneticPr fontId="4"/>
  </si>
  <si>
    <t>明治３６年</t>
    <rPh sb="0" eb="2">
      <t>メイジ</t>
    </rPh>
    <rPh sb="4" eb="5">
      <t>ネン</t>
    </rPh>
    <phoneticPr fontId="4"/>
  </si>
  <si>
    <t>１９０３年</t>
    <rPh sb="4" eb="5">
      <t>ネン</t>
    </rPh>
    <phoneticPr fontId="4"/>
  </si>
  <si>
    <t>明治３５年</t>
    <rPh sb="0" eb="2">
      <t>メイジ</t>
    </rPh>
    <rPh sb="4" eb="5">
      <t>ネン</t>
    </rPh>
    <phoneticPr fontId="4"/>
  </si>
  <si>
    <t>１９０２年</t>
    <rPh sb="4" eb="5">
      <t>ネン</t>
    </rPh>
    <phoneticPr fontId="4"/>
  </si>
  <si>
    <t>明治３４年</t>
    <rPh sb="0" eb="2">
      <t>メイジ</t>
    </rPh>
    <rPh sb="4" eb="5">
      <t>ネン</t>
    </rPh>
    <phoneticPr fontId="4"/>
  </si>
  <si>
    <t>１９０１年</t>
    <rPh sb="4" eb="5">
      <t>ネン</t>
    </rPh>
    <phoneticPr fontId="4"/>
  </si>
  <si>
    <t>明治３３年</t>
    <rPh sb="0" eb="2">
      <t>メイジ</t>
    </rPh>
    <rPh sb="4" eb="5">
      <t>ネン</t>
    </rPh>
    <phoneticPr fontId="4"/>
  </si>
  <si>
    <t>１９００年</t>
    <rPh sb="4" eb="5">
      <t>ネン</t>
    </rPh>
    <phoneticPr fontId="4"/>
  </si>
  <si>
    <t>明治３２年</t>
    <rPh sb="0" eb="2">
      <t>メイジ</t>
    </rPh>
    <rPh sb="4" eb="5">
      <t>ネン</t>
    </rPh>
    <phoneticPr fontId="4"/>
  </si>
  <si>
    <t>１８９９年</t>
    <rPh sb="4" eb="5">
      <t>ネン</t>
    </rPh>
    <phoneticPr fontId="4"/>
  </si>
  <si>
    <t>明治３１年</t>
    <rPh sb="0" eb="2">
      <t>メイジ</t>
    </rPh>
    <rPh sb="4" eb="5">
      <t>ネン</t>
    </rPh>
    <phoneticPr fontId="4"/>
  </si>
  <si>
    <t>１８９８年</t>
    <rPh sb="4" eb="5">
      <t>ネン</t>
    </rPh>
    <phoneticPr fontId="4"/>
  </si>
  <si>
    <t>－</t>
    <phoneticPr fontId="4"/>
  </si>
  <si>
    <t>明治３０年</t>
    <rPh sb="0" eb="2">
      <t>メイジ</t>
    </rPh>
    <rPh sb="4" eb="5">
      <t>ネン</t>
    </rPh>
    <phoneticPr fontId="4"/>
  </si>
  <si>
    <t>１８９７年</t>
    <rPh sb="4" eb="5">
      <t>ネン</t>
    </rPh>
    <phoneticPr fontId="4"/>
  </si>
  <si>
    <t>明治２９年</t>
    <rPh sb="0" eb="2">
      <t>メイジ</t>
    </rPh>
    <rPh sb="4" eb="5">
      <t>ネン</t>
    </rPh>
    <phoneticPr fontId="4"/>
  </si>
  <si>
    <t>１８９６年</t>
    <rPh sb="4" eb="5">
      <t>ネン</t>
    </rPh>
    <phoneticPr fontId="4"/>
  </si>
  <si>
    <t>明治２８年</t>
    <rPh sb="0" eb="2">
      <t>メイジ</t>
    </rPh>
    <rPh sb="4" eb="5">
      <t>ネン</t>
    </rPh>
    <phoneticPr fontId="4"/>
  </si>
  <si>
    <t>１８９５年</t>
    <rPh sb="4" eb="5">
      <t>ネン</t>
    </rPh>
    <phoneticPr fontId="4"/>
  </si>
  <si>
    <t>明治２７年</t>
    <rPh sb="0" eb="2">
      <t>メイジ</t>
    </rPh>
    <rPh sb="4" eb="5">
      <t>ネン</t>
    </rPh>
    <phoneticPr fontId="4"/>
  </si>
  <si>
    <t>１８９４年</t>
    <rPh sb="4" eb="5">
      <t>ネン</t>
    </rPh>
    <phoneticPr fontId="4"/>
  </si>
  <si>
    <t>明治２６年</t>
    <rPh sb="0" eb="2">
      <t>メイジ</t>
    </rPh>
    <rPh sb="4" eb="5">
      <t>ネン</t>
    </rPh>
    <phoneticPr fontId="4"/>
  </si>
  <si>
    <t>１８９３年</t>
    <rPh sb="4" eb="5">
      <t>ネン</t>
    </rPh>
    <phoneticPr fontId="4"/>
  </si>
  <si>
    <t>明治２５年</t>
    <rPh sb="0" eb="2">
      <t>メイジ</t>
    </rPh>
    <rPh sb="4" eb="5">
      <t>ネン</t>
    </rPh>
    <phoneticPr fontId="4"/>
  </si>
  <si>
    <t>１８９２年</t>
    <rPh sb="4" eb="5">
      <t>ネン</t>
    </rPh>
    <phoneticPr fontId="4"/>
  </si>
  <si>
    <t>明治２４年</t>
    <rPh sb="0" eb="2">
      <t>メイジ</t>
    </rPh>
    <rPh sb="4" eb="5">
      <t>ネン</t>
    </rPh>
    <phoneticPr fontId="4"/>
  </si>
  <si>
    <t>１８９１年</t>
    <rPh sb="4" eb="5">
      <t>ネン</t>
    </rPh>
    <phoneticPr fontId="4"/>
  </si>
  <si>
    <t>明治２３年</t>
    <rPh sb="0" eb="2">
      <t>メイジ</t>
    </rPh>
    <rPh sb="4" eb="5">
      <t>ネン</t>
    </rPh>
    <phoneticPr fontId="4"/>
  </si>
  <si>
    <t>１８９０年</t>
    <rPh sb="4" eb="5">
      <t>ネン</t>
    </rPh>
    <phoneticPr fontId="4"/>
  </si>
  <si>
    <t>明治２１年</t>
    <rPh sb="0" eb="2">
      <t>メイジ</t>
    </rPh>
    <rPh sb="4" eb="5">
      <t>ネン</t>
    </rPh>
    <phoneticPr fontId="4"/>
  </si>
  <si>
    <t>１８８８年</t>
    <rPh sb="4" eb="5">
      <t>ネン</t>
    </rPh>
    <phoneticPr fontId="4"/>
  </si>
  <si>
    <t>明治１５年</t>
    <rPh sb="0" eb="2">
      <t>メイジ</t>
    </rPh>
    <rPh sb="4" eb="5">
      <t>ネン</t>
    </rPh>
    <phoneticPr fontId="4"/>
  </si>
  <si>
    <t>１８８２年</t>
    <rPh sb="4" eb="5">
      <t>ネン</t>
    </rPh>
    <phoneticPr fontId="4"/>
  </si>
  <si>
    <t>明治５年</t>
    <rPh sb="0" eb="2">
      <t>メイジ</t>
    </rPh>
    <rPh sb="3" eb="4">
      <t>ネン</t>
    </rPh>
    <phoneticPr fontId="4"/>
  </si>
  <si>
    <t>１８７２年</t>
    <rPh sb="4" eb="5">
      <t>ネン</t>
    </rPh>
    <phoneticPr fontId="4"/>
  </si>
  <si>
    <t>女</t>
    <rPh sb="0" eb="1">
      <t>オンナ</t>
    </rPh>
    <phoneticPr fontId="4"/>
  </si>
  <si>
    <t>男</t>
    <rPh sb="0" eb="1">
      <t>オトコ</t>
    </rPh>
    <phoneticPr fontId="4"/>
  </si>
  <si>
    <t>総数</t>
    <phoneticPr fontId="4"/>
  </si>
  <si>
    <t>人口</t>
    <phoneticPr fontId="4"/>
  </si>
  <si>
    <t>世帯数</t>
    <rPh sb="0" eb="3">
      <t>セタイスウ</t>
    </rPh>
    <phoneticPr fontId="4"/>
  </si>
  <si>
    <t>浜益区（旧浜益村）</t>
    <rPh sb="0" eb="2">
      <t>ｈ</t>
    </rPh>
    <rPh sb="2" eb="3">
      <t>ク</t>
    </rPh>
    <rPh sb="4" eb="5">
      <t>キュウ</t>
    </rPh>
    <rPh sb="5" eb="7">
      <t>ｈ</t>
    </rPh>
    <rPh sb="7" eb="8">
      <t>ムラ</t>
    </rPh>
    <phoneticPr fontId="2"/>
  </si>
  <si>
    <t>厚田区（旧厚田村）</t>
    <rPh sb="0" eb="2">
      <t>ア</t>
    </rPh>
    <rPh sb="2" eb="3">
      <t>ク</t>
    </rPh>
    <rPh sb="4" eb="5">
      <t>キュウ</t>
    </rPh>
    <rPh sb="5" eb="7">
      <t>ア</t>
    </rPh>
    <rPh sb="7" eb="8">
      <t>ムラ</t>
    </rPh>
    <phoneticPr fontId="2"/>
  </si>
  <si>
    <t>石狩市</t>
    <rPh sb="0" eb="3">
      <t>イ</t>
    </rPh>
    <phoneticPr fontId="2"/>
  </si>
  <si>
    <t>和暦</t>
    <rPh sb="0" eb="2">
      <t>ワレキ</t>
    </rPh>
    <phoneticPr fontId="2"/>
  </si>
  <si>
    <t>西暦</t>
    <rPh sb="0" eb="2">
      <t>セイレキ</t>
    </rPh>
    <phoneticPr fontId="4"/>
  </si>
  <si>
    <t>２０１９年</t>
    <rPh sb="4" eb="5">
      <t>ネン</t>
    </rPh>
    <phoneticPr fontId="2"/>
  </si>
  <si>
    <t>令和　元年</t>
    <rPh sb="0" eb="2">
      <t>レイワ</t>
    </rPh>
    <rPh sb="3" eb="5">
      <t>ガンネン</t>
    </rPh>
    <phoneticPr fontId="2"/>
  </si>
  <si>
    <t>２０２０年</t>
    <rPh sb="4" eb="5">
      <t>ネン</t>
    </rPh>
    <phoneticPr fontId="2"/>
  </si>
  <si>
    <t>令和　２年</t>
    <rPh sb="0" eb="2">
      <t>レイワ</t>
    </rPh>
    <rPh sb="4" eb="5">
      <t>ネン</t>
    </rPh>
    <phoneticPr fontId="2"/>
  </si>
  <si>
    <t>28,103　　　　　　　　　　　　　　　　　　　　　　　　　　　　　　　　　　　　　　　　　　　　　　　　　　　　　　　　　　　　　　　　　　　　　　　　　　　　　　　（23,102）</t>
    <phoneticPr fontId="2"/>
  </si>
  <si>
    <t>58,301　　　　　　　　　　　　　　　　　　　　　　　　　　　　　　　　　　　　　　　　　　　　　　　　　　　　　　　　　　　　　　　　　　　　　　　　　　　　　　　（56,869）</t>
    <phoneticPr fontId="2"/>
  </si>
  <si>
    <t>28,215　　　　　　　　　　　　　　　　　　　　　　　　　　　　　　　　　　　　　　　　　　　　　　　　　　　　　　　　　　　　　　　　　　　　　　　　　　　　　　　（27,324）</t>
    <phoneticPr fontId="2"/>
  </si>
  <si>
    <t>30,086　　　　　　　　　　　　　　　　　　　　　　　　　　　　　　　　　　　　　　　　　　　　　　　　　　　　　　　　　　　　　　　　　　　　　　　　　　　　　　　（29,545）</t>
    <phoneticPr fontId="2"/>
  </si>
  <si>
    <t>1,728 (1,638)</t>
    <phoneticPr fontId="2"/>
  </si>
  <si>
    <t>979      (744)</t>
    <phoneticPr fontId="2"/>
  </si>
  <si>
    <t>872    (823)</t>
    <phoneticPr fontId="2"/>
  </si>
  <si>
    <t>1,221 (1,084)</t>
    <phoneticPr fontId="2"/>
  </si>
  <si>
    <t>557    (511)</t>
    <phoneticPr fontId="2"/>
  </si>
  <si>
    <t>856    (815)</t>
    <phoneticPr fontId="2"/>
  </si>
  <si>
    <t>744    (599)</t>
    <phoneticPr fontId="2"/>
  </si>
  <si>
    <t>664    (573)</t>
    <phoneticPr fontId="2"/>
  </si>
  <si>
    <t>２０２１年</t>
    <rPh sb="4" eb="5">
      <t>ネン</t>
    </rPh>
    <phoneticPr fontId="2"/>
  </si>
  <si>
    <t>令和　３年</t>
    <rPh sb="0" eb="2">
      <t>レイワ</t>
    </rPh>
    <rPh sb="4" eb="5">
      <t>ネン</t>
    </rPh>
    <phoneticPr fontId="2"/>
  </si>
  <si>
    <t>２０２２年</t>
    <rPh sb="4" eb="5">
      <t>ネン</t>
    </rPh>
    <phoneticPr fontId="2"/>
  </si>
  <si>
    <t>令和　４年</t>
    <rPh sb="0" eb="2">
      <t>レイワ</t>
    </rPh>
    <rPh sb="4" eb="5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明朝"/>
      <family val="1"/>
      <charset val="128"/>
    </font>
    <font>
      <sz val="10"/>
      <color indexed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5">
    <xf numFmtId="0" fontId="0" fillId="0" borderId="0" xfId="0"/>
    <xf numFmtId="0" fontId="0" fillId="0" borderId="0" xfId="0" applyAlignment="1">
      <alignment horizontal="right"/>
    </xf>
    <xf numFmtId="38" fontId="3" fillId="0" borderId="5" xfId="1" applyFont="1" applyFill="1" applyBorder="1" applyAlignment="1">
      <alignment horizontal="right" vertical="center"/>
    </xf>
    <xf numFmtId="38" fontId="3" fillId="0" borderId="6" xfId="1" applyFont="1" applyBorder="1" applyAlignment="1">
      <alignment horizontal="right" vertical="center"/>
    </xf>
    <xf numFmtId="38" fontId="3" fillId="0" borderId="7" xfId="1" applyFont="1" applyBorder="1" applyAlignment="1">
      <alignment horizontal="right" vertical="center"/>
    </xf>
    <xf numFmtId="38" fontId="3" fillId="0" borderId="8" xfId="1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3" fontId="3" fillId="0" borderId="6" xfId="0" applyNumberFormat="1" applyFont="1" applyBorder="1" applyAlignment="1">
      <alignment horizontal="right" vertical="center" wrapText="1"/>
    </xf>
    <xf numFmtId="3" fontId="3" fillId="0" borderId="9" xfId="0" applyNumberFormat="1" applyFont="1" applyBorder="1" applyAlignment="1">
      <alignment horizontal="right" vertical="center" wrapText="1"/>
    </xf>
    <xf numFmtId="0" fontId="3" fillId="0" borderId="10" xfId="0" applyFont="1" applyBorder="1" applyAlignment="1">
      <alignment horizontal="right" vertical="center" shrinkToFit="1"/>
    </xf>
    <xf numFmtId="0" fontId="3" fillId="0" borderId="11" xfId="0" applyFont="1" applyBorder="1" applyAlignment="1">
      <alignment horizontal="right" vertical="center" shrinkToFit="1"/>
    </xf>
    <xf numFmtId="0" fontId="3" fillId="0" borderId="0" xfId="0" applyFont="1"/>
    <xf numFmtId="38" fontId="3" fillId="0" borderId="5" xfId="1" applyFont="1" applyBorder="1" applyAlignment="1">
      <alignment horizontal="right" vertical="center" wrapText="1"/>
    </xf>
    <xf numFmtId="38" fontId="3" fillId="0" borderId="6" xfId="1" applyFont="1" applyBorder="1" applyAlignment="1">
      <alignment horizontal="right" vertical="center" wrapText="1"/>
    </xf>
    <xf numFmtId="38" fontId="3" fillId="0" borderId="7" xfId="1" applyFont="1" applyBorder="1" applyAlignment="1">
      <alignment horizontal="right" vertical="center" wrapText="1"/>
    </xf>
    <xf numFmtId="38" fontId="3" fillId="0" borderId="8" xfId="1" applyFont="1" applyBorder="1" applyAlignment="1">
      <alignment horizontal="right" vertical="center" wrapText="1"/>
    </xf>
    <xf numFmtId="38" fontId="3" fillId="0" borderId="9" xfId="1" applyFont="1" applyBorder="1" applyAlignment="1">
      <alignment horizontal="right" vertical="center" wrapText="1"/>
    </xf>
    <xf numFmtId="3" fontId="3" fillId="0" borderId="8" xfId="0" applyNumberFormat="1" applyFont="1" applyBorder="1" applyAlignment="1">
      <alignment horizontal="right" vertical="center" wrapText="1"/>
    </xf>
    <xf numFmtId="38" fontId="3" fillId="0" borderId="5" xfId="1" applyFont="1" applyBorder="1" applyAlignment="1">
      <alignment horizontal="right" vertical="center"/>
    </xf>
    <xf numFmtId="3" fontId="3" fillId="0" borderId="8" xfId="0" applyNumberFormat="1" applyFont="1" applyBorder="1" applyAlignment="1">
      <alignment horizontal="right" vertical="center"/>
    </xf>
    <xf numFmtId="3" fontId="3" fillId="0" borderId="6" xfId="0" applyNumberFormat="1" applyFont="1" applyBorder="1" applyAlignment="1">
      <alignment horizontal="right" vertical="center"/>
    </xf>
    <xf numFmtId="3" fontId="3" fillId="0" borderId="9" xfId="0" applyNumberFormat="1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 shrinkToFit="1"/>
    </xf>
    <xf numFmtId="38" fontId="5" fillId="0" borderId="5" xfId="1" applyFont="1" applyFill="1" applyBorder="1" applyAlignment="1">
      <alignment horizontal="right" vertical="center" wrapText="1"/>
    </xf>
    <xf numFmtId="38" fontId="5" fillId="0" borderId="6" xfId="1" applyFont="1" applyFill="1" applyBorder="1" applyAlignment="1">
      <alignment horizontal="right" vertical="center" wrapText="1"/>
    </xf>
    <xf numFmtId="38" fontId="5" fillId="0" borderId="9" xfId="1" applyFont="1" applyFill="1" applyBorder="1" applyAlignment="1">
      <alignment horizontal="right" vertical="center" wrapText="1"/>
    </xf>
    <xf numFmtId="38" fontId="5" fillId="0" borderId="8" xfId="1" applyFont="1" applyFill="1" applyBorder="1" applyAlignment="1">
      <alignment horizontal="right" vertical="center" wrapText="1"/>
    </xf>
    <xf numFmtId="38" fontId="6" fillId="0" borderId="5" xfId="1" applyFont="1" applyBorder="1" applyAlignment="1" applyProtection="1">
      <alignment horizontal="right" vertical="center" wrapText="1"/>
      <protection locked="0"/>
    </xf>
    <xf numFmtId="38" fontId="6" fillId="0" borderId="6" xfId="1" applyFont="1" applyBorder="1" applyAlignment="1" applyProtection="1">
      <alignment horizontal="right" vertical="center" wrapText="1"/>
      <protection locked="0"/>
    </xf>
    <xf numFmtId="38" fontId="6" fillId="0" borderId="9" xfId="1" applyFont="1" applyBorder="1" applyAlignment="1" applyProtection="1">
      <alignment horizontal="right" vertical="center" wrapText="1"/>
      <protection locked="0"/>
    </xf>
    <xf numFmtId="38" fontId="6" fillId="0" borderId="8" xfId="1" applyFont="1" applyBorder="1" applyAlignment="1" applyProtection="1">
      <alignment horizontal="right" vertical="center" wrapText="1"/>
      <protection locked="0"/>
    </xf>
    <xf numFmtId="38" fontId="6" fillId="0" borderId="8" xfId="1" applyFont="1" applyBorder="1" applyAlignment="1" applyProtection="1">
      <alignment horizontal="right" vertical="center" wrapText="1"/>
    </xf>
    <xf numFmtId="38" fontId="6" fillId="0" borderId="6" xfId="1" applyFont="1" applyBorder="1" applyAlignment="1" applyProtection="1">
      <alignment horizontal="right" vertical="center" wrapText="1"/>
    </xf>
    <xf numFmtId="38" fontId="6" fillId="0" borderId="9" xfId="1" applyFont="1" applyBorder="1" applyAlignment="1" applyProtection="1">
      <alignment horizontal="right" vertical="center" wrapText="1"/>
    </xf>
    <xf numFmtId="38" fontId="6" fillId="0" borderId="5" xfId="1" applyFont="1" applyBorder="1" applyAlignment="1" applyProtection="1">
      <alignment horizontal="right" vertical="center"/>
      <protection locked="0"/>
    </xf>
    <xf numFmtId="38" fontId="6" fillId="0" borderId="6" xfId="1" applyFont="1" applyBorder="1" applyAlignment="1" applyProtection="1">
      <alignment horizontal="right" vertical="center"/>
      <protection locked="0"/>
    </xf>
    <xf numFmtId="38" fontId="6" fillId="0" borderId="9" xfId="1" applyFont="1" applyBorder="1" applyAlignment="1" applyProtection="1">
      <alignment horizontal="right" vertical="center"/>
      <protection locked="0"/>
    </xf>
    <xf numFmtId="38" fontId="6" fillId="0" borderId="8" xfId="1" applyFont="1" applyBorder="1" applyAlignment="1" applyProtection="1">
      <alignment horizontal="right" vertical="center"/>
      <protection locked="0"/>
    </xf>
    <xf numFmtId="38" fontId="3" fillId="0" borderId="12" xfId="1" applyFont="1" applyBorder="1" applyAlignment="1">
      <alignment horizontal="right" vertical="center"/>
    </xf>
    <xf numFmtId="38" fontId="3" fillId="0" borderId="13" xfId="1" applyFont="1" applyBorder="1" applyAlignment="1">
      <alignment horizontal="right" vertical="center"/>
    </xf>
    <xf numFmtId="38" fontId="3" fillId="0" borderId="14" xfId="1" applyFont="1" applyBorder="1" applyAlignment="1">
      <alignment horizontal="right" vertical="center"/>
    </xf>
    <xf numFmtId="38" fontId="3" fillId="0" borderId="15" xfId="1" applyFont="1" applyBorder="1" applyAlignment="1">
      <alignment horizontal="right" vertical="center"/>
    </xf>
    <xf numFmtId="3" fontId="3" fillId="0" borderId="16" xfId="0" applyNumberFormat="1" applyFont="1" applyBorder="1" applyAlignment="1">
      <alignment horizontal="right" vertical="center"/>
    </xf>
    <xf numFmtId="3" fontId="3" fillId="0" borderId="17" xfId="0" applyNumberFormat="1" applyFont="1" applyBorder="1" applyAlignment="1">
      <alignment horizontal="right" vertical="center"/>
    </xf>
    <xf numFmtId="3" fontId="3" fillId="0" borderId="18" xfId="0" applyNumberFormat="1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 shrinkToFit="1"/>
    </xf>
    <xf numFmtId="0" fontId="3" fillId="0" borderId="19" xfId="0" applyFont="1" applyBorder="1" applyAlignment="1">
      <alignment horizontal="right" vertical="center" shrinkToFit="1"/>
    </xf>
    <xf numFmtId="0" fontId="3" fillId="0" borderId="1" xfId="0" applyFont="1" applyBorder="1" applyAlignment="1">
      <alignment horizontal="center"/>
    </xf>
    <xf numFmtId="0" fontId="3" fillId="0" borderId="2" xfId="0" applyFont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3" fillId="0" borderId="30" xfId="0" applyFont="1" applyBorder="1" applyAlignment="1">
      <alignment horizontal="right" vertical="center" shrinkToFit="1"/>
    </xf>
    <xf numFmtId="0" fontId="3" fillId="0" borderId="31" xfId="0" applyFont="1" applyBorder="1" applyAlignment="1">
      <alignment horizontal="right" vertical="center" shrinkToFit="1"/>
    </xf>
    <xf numFmtId="3" fontId="3" fillId="0" borderId="23" xfId="0" applyNumberFormat="1" applyFont="1" applyBorder="1" applyAlignment="1">
      <alignment horizontal="right" vertical="center" wrapText="1"/>
    </xf>
    <xf numFmtId="3" fontId="3" fillId="0" borderId="32" xfId="0" applyNumberFormat="1" applyFont="1" applyBorder="1" applyAlignment="1">
      <alignment horizontal="right" vertical="center" wrapText="1"/>
    </xf>
    <xf numFmtId="38" fontId="3" fillId="0" borderId="23" xfId="1" applyFont="1" applyBorder="1" applyAlignment="1">
      <alignment horizontal="right" vertical="center"/>
    </xf>
    <xf numFmtId="38" fontId="3" fillId="0" borderId="32" xfId="1" applyFont="1" applyBorder="1" applyAlignment="1">
      <alignment horizontal="right" vertical="center"/>
    </xf>
    <xf numFmtId="38" fontId="3" fillId="0" borderId="33" xfId="1" applyFont="1" applyBorder="1" applyAlignment="1">
      <alignment horizontal="right" vertical="center"/>
    </xf>
    <xf numFmtId="38" fontId="3" fillId="0" borderId="34" xfId="1" applyFont="1" applyBorder="1" applyAlignment="1">
      <alignment horizontal="right" vertical="center"/>
    </xf>
    <xf numFmtId="38" fontId="3" fillId="0" borderId="35" xfId="1" applyFont="1" applyFill="1" applyBorder="1" applyAlignment="1">
      <alignment horizontal="right" vertical="center"/>
    </xf>
    <xf numFmtId="0" fontId="3" fillId="0" borderId="22" xfId="0" applyFont="1" applyBorder="1" applyAlignment="1">
      <alignment horizontal="right" vertical="center" shrinkToFit="1"/>
    </xf>
    <xf numFmtId="3" fontId="3" fillId="0" borderId="36" xfId="0" applyNumberFormat="1" applyFont="1" applyBorder="1" applyAlignment="1">
      <alignment horizontal="right" vertical="center" wrapText="1"/>
    </xf>
    <xf numFmtId="38" fontId="3" fillId="0" borderId="4" xfId="1" applyFont="1" applyBorder="1" applyAlignment="1">
      <alignment horizontal="right" vertical="center" wrapText="1"/>
    </xf>
    <xf numFmtId="38" fontId="3" fillId="0" borderId="2" xfId="1" applyFont="1" applyBorder="1" applyAlignment="1">
      <alignment horizontal="right" vertical="center" wrapText="1"/>
    </xf>
    <xf numFmtId="3" fontId="3" fillId="0" borderId="37" xfId="0" applyNumberFormat="1" applyFont="1" applyBorder="1" applyAlignment="1">
      <alignment horizontal="right" vertical="center" wrapText="1"/>
    </xf>
    <xf numFmtId="3" fontId="3" fillId="0" borderId="38" xfId="0" applyNumberFormat="1" applyFont="1" applyBorder="1" applyAlignment="1">
      <alignment horizontal="right" vertical="center" wrapText="1"/>
    </xf>
    <xf numFmtId="3" fontId="3" fillId="0" borderId="3" xfId="0" applyNumberFormat="1" applyFont="1" applyBorder="1" applyAlignment="1">
      <alignment horizontal="right" vertical="center" wrapText="1"/>
    </xf>
    <xf numFmtId="38" fontId="3" fillId="0" borderId="23" xfId="1" applyFont="1" applyBorder="1" applyAlignment="1">
      <alignment horizontal="right" vertical="center" wrapText="1"/>
    </xf>
    <xf numFmtId="38" fontId="3" fillId="0" borderId="32" xfId="1" applyFont="1" applyBorder="1" applyAlignment="1">
      <alignment horizontal="right" vertical="center" wrapText="1"/>
    </xf>
    <xf numFmtId="38" fontId="3" fillId="0" borderId="24" xfId="1" applyFont="1" applyBorder="1" applyAlignment="1">
      <alignment horizontal="right" vertical="center" wrapText="1"/>
    </xf>
    <xf numFmtId="38" fontId="3" fillId="0" borderId="36" xfId="1" applyFont="1" applyBorder="1" applyAlignment="1">
      <alignment horizontal="right" vertical="center" wrapText="1"/>
    </xf>
    <xf numFmtId="38" fontId="3" fillId="0" borderId="39" xfId="1" applyFont="1" applyFill="1" applyBorder="1" applyAlignment="1">
      <alignment horizontal="right" vertical="center" wrapText="1"/>
    </xf>
    <xf numFmtId="38" fontId="3" fillId="0" borderId="1" xfId="1" applyFont="1" applyFill="1" applyBorder="1" applyAlignment="1">
      <alignment horizontal="right" vertical="center" wrapText="1"/>
    </xf>
    <xf numFmtId="0" fontId="3" fillId="0" borderId="24" xfId="0" applyFont="1" applyBorder="1" applyAlignment="1">
      <alignment horizontal="right" vertical="center" shrinkToFit="1"/>
    </xf>
    <xf numFmtId="0" fontId="3" fillId="0" borderId="3" xfId="0" applyFont="1" applyBorder="1" applyAlignment="1">
      <alignment horizontal="right" vertical="center" shrinkToFit="1"/>
    </xf>
    <xf numFmtId="3" fontId="3" fillId="0" borderId="20" xfId="0" applyNumberFormat="1" applyFont="1" applyBorder="1" applyAlignment="1">
      <alignment horizontal="right" vertical="center" wrapText="1"/>
    </xf>
    <xf numFmtId="3" fontId="3" fillId="0" borderId="33" xfId="0" applyNumberFormat="1" applyFont="1" applyBorder="1" applyAlignment="1">
      <alignment horizontal="right" vertical="center" wrapText="1"/>
    </xf>
    <xf numFmtId="38" fontId="3" fillId="0" borderId="20" xfId="1" applyFont="1" applyBorder="1" applyAlignment="1">
      <alignment horizontal="right" vertical="center" wrapText="1"/>
    </xf>
    <xf numFmtId="38" fontId="3" fillId="0" borderId="21" xfId="1" applyFont="1" applyBorder="1" applyAlignment="1">
      <alignment horizontal="right" vertical="center" wrapText="1"/>
    </xf>
    <xf numFmtId="38" fontId="3" fillId="0" borderId="35" xfId="1" applyFont="1" applyFill="1" applyBorder="1" applyAlignment="1">
      <alignment horizontal="right" vertical="center" wrapText="1"/>
    </xf>
    <xf numFmtId="0" fontId="3" fillId="0" borderId="29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/>
    </xf>
    <xf numFmtId="0" fontId="3" fillId="0" borderId="17" xfId="0" applyFont="1" applyBorder="1" applyAlignment="1">
      <alignment horizontal="center"/>
    </xf>
    <xf numFmtId="0" fontId="3" fillId="0" borderId="16" xfId="0" applyFont="1" applyBorder="1" applyAlignment="1">
      <alignment horizontal="center"/>
    </xf>
    <xf numFmtId="0" fontId="3" fillId="0" borderId="27" xfId="0" applyFont="1" applyBorder="1" applyAlignment="1">
      <alignment horizontal="center"/>
    </xf>
    <xf numFmtId="0" fontId="3" fillId="0" borderId="26" xfId="0" applyFont="1" applyBorder="1" applyAlignment="1">
      <alignment horizontal="center"/>
    </xf>
    <xf numFmtId="0" fontId="3" fillId="0" borderId="23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wrapText="1"/>
    </xf>
    <xf numFmtId="0" fontId="3" fillId="0" borderId="8" xfId="0" applyFont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181A3E-62BD-4D2D-8A09-19E8986238F6}">
  <dimension ref="A1:N110"/>
  <sheetViews>
    <sheetView tabSelected="1" view="pageBreakPreview" topLeftCell="A100" zoomScaleNormal="100" zoomScaleSheetLayoutView="100" zoomScalePageLayoutView="85" workbookViewId="0">
      <selection activeCell="O112" sqref="O112"/>
    </sheetView>
  </sheetViews>
  <sheetFormatPr defaultRowHeight="13.2" x14ac:dyDescent="0.2"/>
  <cols>
    <col min="1" max="1" width="8.77734375" customWidth="1"/>
    <col min="2" max="2" width="11" style="1" customWidth="1"/>
    <col min="3" max="14" width="10.6640625" customWidth="1"/>
  </cols>
  <sheetData>
    <row r="1" spans="1:14" s="11" customFormat="1" ht="15" customHeight="1" x14ac:dyDescent="0.15">
      <c r="A1" s="79" t="s">
        <v>348</v>
      </c>
      <c r="B1" s="82" t="s">
        <v>347</v>
      </c>
      <c r="C1" s="85" t="s">
        <v>346</v>
      </c>
      <c r="D1" s="86"/>
      <c r="E1" s="86"/>
      <c r="F1" s="86"/>
      <c r="G1" s="85" t="s">
        <v>345</v>
      </c>
      <c r="H1" s="86"/>
      <c r="I1" s="86"/>
      <c r="J1" s="87"/>
      <c r="K1" s="88" t="s">
        <v>344</v>
      </c>
      <c r="L1" s="86"/>
      <c r="M1" s="86"/>
      <c r="N1" s="89"/>
    </row>
    <row r="2" spans="1:14" s="11" customFormat="1" ht="15" customHeight="1" x14ac:dyDescent="0.15">
      <c r="A2" s="80"/>
      <c r="B2" s="83"/>
      <c r="C2" s="90" t="s">
        <v>343</v>
      </c>
      <c r="D2" s="92" t="s">
        <v>342</v>
      </c>
      <c r="E2" s="92"/>
      <c r="F2" s="92"/>
      <c r="G2" s="90" t="s">
        <v>343</v>
      </c>
      <c r="H2" s="92" t="s">
        <v>342</v>
      </c>
      <c r="I2" s="92"/>
      <c r="J2" s="93"/>
      <c r="K2" s="90" t="s">
        <v>343</v>
      </c>
      <c r="L2" s="92" t="s">
        <v>342</v>
      </c>
      <c r="M2" s="92"/>
      <c r="N2" s="94"/>
    </row>
    <row r="3" spans="1:14" s="11" customFormat="1" ht="15" customHeight="1" thickBot="1" x14ac:dyDescent="0.2">
      <c r="A3" s="81"/>
      <c r="B3" s="84"/>
      <c r="C3" s="91"/>
      <c r="D3" s="48" t="s">
        <v>341</v>
      </c>
      <c r="E3" s="48" t="s">
        <v>340</v>
      </c>
      <c r="F3" s="48" t="s">
        <v>339</v>
      </c>
      <c r="G3" s="91"/>
      <c r="H3" s="48" t="s">
        <v>341</v>
      </c>
      <c r="I3" s="48" t="s">
        <v>340</v>
      </c>
      <c r="J3" s="49" t="s">
        <v>339</v>
      </c>
      <c r="K3" s="91"/>
      <c r="L3" s="48" t="s">
        <v>341</v>
      </c>
      <c r="M3" s="48" t="s">
        <v>340</v>
      </c>
      <c r="N3" s="47" t="s">
        <v>339</v>
      </c>
    </row>
    <row r="4" spans="1:14" s="11" customFormat="1" ht="17.25" customHeight="1" x14ac:dyDescent="0.15">
      <c r="A4" s="46" t="s">
        <v>338</v>
      </c>
      <c r="B4" s="45" t="s">
        <v>337</v>
      </c>
      <c r="C4" s="44">
        <v>277</v>
      </c>
      <c r="D4" s="43">
        <v>891</v>
      </c>
      <c r="E4" s="43">
        <v>470</v>
      </c>
      <c r="F4" s="42">
        <v>421</v>
      </c>
      <c r="G4" s="40"/>
      <c r="H4" s="39"/>
      <c r="I4" s="39"/>
      <c r="J4" s="41"/>
      <c r="K4" s="40"/>
      <c r="L4" s="39"/>
      <c r="M4" s="39"/>
      <c r="N4" s="38"/>
    </row>
    <row r="5" spans="1:14" s="11" customFormat="1" ht="17.25" customHeight="1" x14ac:dyDescent="0.15">
      <c r="A5" s="10" t="s">
        <v>336</v>
      </c>
      <c r="B5" s="22" t="s">
        <v>335</v>
      </c>
      <c r="C5" s="21">
        <v>333</v>
      </c>
      <c r="D5" s="20">
        <v>1143</v>
      </c>
      <c r="E5" s="20">
        <v>618</v>
      </c>
      <c r="F5" s="19">
        <v>525</v>
      </c>
      <c r="G5" s="6"/>
      <c r="H5" s="3"/>
      <c r="I5" s="3"/>
      <c r="J5" s="5"/>
      <c r="K5" s="6"/>
      <c r="L5" s="3"/>
      <c r="M5" s="3"/>
      <c r="N5" s="18"/>
    </row>
    <row r="6" spans="1:14" s="11" customFormat="1" ht="17.25" customHeight="1" x14ac:dyDescent="0.15">
      <c r="A6" s="10" t="s">
        <v>334</v>
      </c>
      <c r="B6" s="22" t="s">
        <v>333</v>
      </c>
      <c r="C6" s="21">
        <v>627</v>
      </c>
      <c r="D6" s="20">
        <v>2842</v>
      </c>
      <c r="E6" s="20">
        <v>1439</v>
      </c>
      <c r="F6" s="19">
        <v>1403</v>
      </c>
      <c r="G6" s="6">
        <v>493</v>
      </c>
      <c r="H6" s="3">
        <v>2100</v>
      </c>
      <c r="I6" s="3">
        <v>1137</v>
      </c>
      <c r="J6" s="5">
        <v>963</v>
      </c>
      <c r="K6" s="6">
        <v>563</v>
      </c>
      <c r="L6" s="3">
        <v>3425</v>
      </c>
      <c r="M6" s="3">
        <v>2291</v>
      </c>
      <c r="N6" s="18">
        <v>1134</v>
      </c>
    </row>
    <row r="7" spans="1:14" s="11" customFormat="1" ht="17.25" customHeight="1" x14ac:dyDescent="0.15">
      <c r="A7" s="10" t="s">
        <v>332</v>
      </c>
      <c r="B7" s="22" t="s">
        <v>331</v>
      </c>
      <c r="C7" s="21">
        <v>697</v>
      </c>
      <c r="D7" s="20">
        <v>3101</v>
      </c>
      <c r="E7" s="20"/>
      <c r="F7" s="19"/>
      <c r="G7" s="6">
        <v>435</v>
      </c>
      <c r="H7" s="3">
        <v>2469</v>
      </c>
      <c r="I7" s="3"/>
      <c r="J7" s="5"/>
      <c r="K7" s="6">
        <v>734</v>
      </c>
      <c r="L7" s="3">
        <v>2904</v>
      </c>
      <c r="M7" s="3"/>
      <c r="N7" s="18"/>
    </row>
    <row r="8" spans="1:14" s="11" customFormat="1" ht="17.25" customHeight="1" x14ac:dyDescent="0.15">
      <c r="A8" s="10" t="s">
        <v>330</v>
      </c>
      <c r="B8" s="22" t="s">
        <v>329</v>
      </c>
      <c r="C8" s="21">
        <v>702</v>
      </c>
      <c r="D8" s="20">
        <v>2914</v>
      </c>
      <c r="E8" s="20"/>
      <c r="F8" s="19"/>
      <c r="G8" s="6">
        <v>441</v>
      </c>
      <c r="H8" s="3">
        <v>2283</v>
      </c>
      <c r="I8" s="3"/>
      <c r="J8" s="5"/>
      <c r="K8" s="6">
        <v>814</v>
      </c>
      <c r="L8" s="3">
        <v>3037</v>
      </c>
      <c r="M8" s="3"/>
      <c r="N8" s="18"/>
    </row>
    <row r="9" spans="1:14" s="11" customFormat="1" ht="17.25" customHeight="1" x14ac:dyDescent="0.15">
      <c r="A9" s="10" t="s">
        <v>328</v>
      </c>
      <c r="B9" s="22" t="s">
        <v>327</v>
      </c>
      <c r="C9" s="21">
        <v>1132</v>
      </c>
      <c r="D9" s="20">
        <v>4927</v>
      </c>
      <c r="E9" s="20"/>
      <c r="F9" s="19"/>
      <c r="G9" s="6">
        <v>484</v>
      </c>
      <c r="H9" s="3">
        <v>2872</v>
      </c>
      <c r="I9" s="3"/>
      <c r="J9" s="5"/>
      <c r="K9" s="6">
        <v>672</v>
      </c>
      <c r="L9" s="3">
        <v>3436</v>
      </c>
      <c r="M9" s="3"/>
      <c r="N9" s="18"/>
    </row>
    <row r="10" spans="1:14" s="11" customFormat="1" ht="17.25" customHeight="1" x14ac:dyDescent="0.15">
      <c r="A10" s="10" t="s">
        <v>326</v>
      </c>
      <c r="B10" s="22" t="s">
        <v>325</v>
      </c>
      <c r="C10" s="21">
        <v>1003</v>
      </c>
      <c r="D10" s="20">
        <v>4237</v>
      </c>
      <c r="E10" s="20"/>
      <c r="F10" s="19"/>
      <c r="G10" s="6">
        <v>568</v>
      </c>
      <c r="H10" s="3">
        <v>3954</v>
      </c>
      <c r="I10" s="3"/>
      <c r="J10" s="5"/>
      <c r="K10" s="6">
        <v>755</v>
      </c>
      <c r="L10" s="3">
        <v>4031</v>
      </c>
      <c r="M10" s="3"/>
      <c r="N10" s="18"/>
    </row>
    <row r="11" spans="1:14" s="11" customFormat="1" ht="17.25" customHeight="1" x14ac:dyDescent="0.15">
      <c r="A11" s="10" t="s">
        <v>324</v>
      </c>
      <c r="B11" s="22" t="s">
        <v>323</v>
      </c>
      <c r="C11" s="21">
        <v>1208</v>
      </c>
      <c r="D11" s="20">
        <v>5602</v>
      </c>
      <c r="E11" s="20"/>
      <c r="F11" s="19"/>
      <c r="G11" s="6">
        <v>653</v>
      </c>
      <c r="H11" s="3">
        <v>4074</v>
      </c>
      <c r="I11" s="3"/>
      <c r="J11" s="5"/>
      <c r="K11" s="6">
        <v>924</v>
      </c>
      <c r="L11" s="3">
        <v>4492</v>
      </c>
      <c r="M11" s="3"/>
      <c r="N11" s="18"/>
    </row>
    <row r="12" spans="1:14" s="11" customFormat="1" ht="17.25" customHeight="1" x14ac:dyDescent="0.15">
      <c r="A12" s="10" t="s">
        <v>322</v>
      </c>
      <c r="B12" s="22" t="s">
        <v>321</v>
      </c>
      <c r="C12" s="21">
        <v>1505</v>
      </c>
      <c r="D12" s="20">
        <v>5108</v>
      </c>
      <c r="E12" s="20"/>
      <c r="F12" s="19"/>
      <c r="G12" s="6">
        <v>858</v>
      </c>
      <c r="H12" s="3">
        <v>3854</v>
      </c>
      <c r="I12" s="3"/>
      <c r="J12" s="5"/>
      <c r="K12" s="6">
        <v>1000</v>
      </c>
      <c r="L12" s="3">
        <v>4244</v>
      </c>
      <c r="M12" s="3"/>
      <c r="N12" s="18"/>
    </row>
    <row r="13" spans="1:14" s="11" customFormat="1" ht="17.25" customHeight="1" x14ac:dyDescent="0.15">
      <c r="A13" s="10" t="s">
        <v>320</v>
      </c>
      <c r="B13" s="22" t="s">
        <v>319</v>
      </c>
      <c r="C13" s="21">
        <v>1630</v>
      </c>
      <c r="D13" s="20">
        <v>5851</v>
      </c>
      <c r="E13" s="20"/>
      <c r="F13" s="19"/>
      <c r="G13" s="6">
        <v>913</v>
      </c>
      <c r="H13" s="3">
        <v>4425</v>
      </c>
      <c r="I13" s="3"/>
      <c r="J13" s="5"/>
      <c r="K13" s="6">
        <v>805</v>
      </c>
      <c r="L13" s="3">
        <v>3768</v>
      </c>
      <c r="M13" s="3"/>
      <c r="N13" s="18"/>
    </row>
    <row r="14" spans="1:14" s="11" customFormat="1" ht="17.25" customHeight="1" x14ac:dyDescent="0.15">
      <c r="A14" s="10" t="s">
        <v>318</v>
      </c>
      <c r="B14" s="22" t="s">
        <v>317</v>
      </c>
      <c r="C14" s="21">
        <v>1770</v>
      </c>
      <c r="D14" s="20">
        <v>6911</v>
      </c>
      <c r="E14" s="20" t="s">
        <v>316</v>
      </c>
      <c r="F14" s="19" t="s">
        <v>316</v>
      </c>
      <c r="G14" s="6">
        <v>836</v>
      </c>
      <c r="H14" s="3">
        <v>4836</v>
      </c>
      <c r="I14" s="3"/>
      <c r="J14" s="5"/>
      <c r="K14" s="6">
        <v>836</v>
      </c>
      <c r="L14" s="3">
        <v>4296</v>
      </c>
      <c r="M14" s="3"/>
      <c r="N14" s="18"/>
    </row>
    <row r="15" spans="1:14" s="11" customFormat="1" ht="17.25" customHeight="1" x14ac:dyDescent="0.15">
      <c r="A15" s="10" t="s">
        <v>315</v>
      </c>
      <c r="B15" s="22" t="s">
        <v>314</v>
      </c>
      <c r="C15" s="21">
        <v>1822</v>
      </c>
      <c r="D15" s="20">
        <v>5504</v>
      </c>
      <c r="E15" s="20">
        <v>2808</v>
      </c>
      <c r="F15" s="19">
        <v>2696</v>
      </c>
      <c r="G15" s="6">
        <v>509</v>
      </c>
      <c r="H15" s="3">
        <v>3861</v>
      </c>
      <c r="I15" s="3">
        <v>2275</v>
      </c>
      <c r="J15" s="5">
        <v>1586</v>
      </c>
      <c r="K15" s="6">
        <v>991</v>
      </c>
      <c r="L15" s="3">
        <v>5072</v>
      </c>
      <c r="M15" s="3">
        <v>2579</v>
      </c>
      <c r="N15" s="18">
        <v>2493</v>
      </c>
    </row>
    <row r="16" spans="1:14" s="11" customFormat="1" ht="17.25" customHeight="1" x14ac:dyDescent="0.15">
      <c r="A16" s="10" t="s">
        <v>313</v>
      </c>
      <c r="B16" s="22" t="s">
        <v>312</v>
      </c>
      <c r="C16" s="21">
        <v>2515</v>
      </c>
      <c r="D16" s="20">
        <v>8846</v>
      </c>
      <c r="E16" s="20">
        <v>4651</v>
      </c>
      <c r="F16" s="19">
        <v>4195</v>
      </c>
      <c r="G16" s="6">
        <v>841</v>
      </c>
      <c r="H16" s="3">
        <v>5340</v>
      </c>
      <c r="I16" s="3">
        <v>3204</v>
      </c>
      <c r="J16" s="5">
        <v>2136</v>
      </c>
      <c r="K16" s="6">
        <v>1089</v>
      </c>
      <c r="L16" s="3">
        <v>5063</v>
      </c>
      <c r="M16" s="3">
        <v>2559</v>
      </c>
      <c r="N16" s="18">
        <v>2504</v>
      </c>
    </row>
    <row r="17" spans="1:14" s="11" customFormat="1" ht="17.25" customHeight="1" x14ac:dyDescent="0.15">
      <c r="A17" s="10" t="s">
        <v>311</v>
      </c>
      <c r="B17" s="22" t="s">
        <v>310</v>
      </c>
      <c r="C17" s="21">
        <v>2417</v>
      </c>
      <c r="D17" s="20">
        <v>8965</v>
      </c>
      <c r="E17" s="20">
        <v>4672</v>
      </c>
      <c r="F17" s="19">
        <v>4293</v>
      </c>
      <c r="G17" s="6">
        <v>857</v>
      </c>
      <c r="H17" s="3">
        <v>5609</v>
      </c>
      <c r="I17" s="3">
        <v>3356</v>
      </c>
      <c r="J17" s="5">
        <v>2253</v>
      </c>
      <c r="K17" s="6">
        <v>982</v>
      </c>
      <c r="L17" s="3">
        <v>6029</v>
      </c>
      <c r="M17" s="3">
        <v>3487</v>
      </c>
      <c r="N17" s="18">
        <v>2542</v>
      </c>
    </row>
    <row r="18" spans="1:14" s="11" customFormat="1" ht="17.25" customHeight="1" x14ac:dyDescent="0.15">
      <c r="A18" s="10" t="s">
        <v>309</v>
      </c>
      <c r="B18" s="22" t="s">
        <v>308</v>
      </c>
      <c r="C18" s="21">
        <v>2305</v>
      </c>
      <c r="D18" s="20">
        <v>9199</v>
      </c>
      <c r="E18" s="20">
        <v>4804</v>
      </c>
      <c r="F18" s="19">
        <v>4395</v>
      </c>
      <c r="G18" s="6">
        <v>973</v>
      </c>
      <c r="H18" s="3">
        <v>6263</v>
      </c>
      <c r="I18" s="3">
        <v>3639</v>
      </c>
      <c r="J18" s="5">
        <v>2624</v>
      </c>
      <c r="K18" s="6">
        <v>1000</v>
      </c>
      <c r="L18" s="3">
        <v>6234</v>
      </c>
      <c r="M18" s="3">
        <v>3634</v>
      </c>
      <c r="N18" s="18">
        <v>2600</v>
      </c>
    </row>
    <row r="19" spans="1:14" s="11" customFormat="1" ht="17.25" customHeight="1" x14ac:dyDescent="0.15">
      <c r="A19" s="10" t="s">
        <v>307</v>
      </c>
      <c r="B19" s="22" t="s">
        <v>306</v>
      </c>
      <c r="C19" s="21">
        <v>1695</v>
      </c>
      <c r="D19" s="20">
        <v>8894</v>
      </c>
      <c r="E19" s="20">
        <v>4552</v>
      </c>
      <c r="F19" s="19">
        <v>4342</v>
      </c>
      <c r="G19" s="6">
        <v>1100</v>
      </c>
      <c r="H19" s="3">
        <v>6809</v>
      </c>
      <c r="I19" s="3">
        <v>3908</v>
      </c>
      <c r="J19" s="5">
        <v>2901</v>
      </c>
      <c r="K19" s="6">
        <v>1030</v>
      </c>
      <c r="L19" s="3">
        <v>6282</v>
      </c>
      <c r="M19" s="3">
        <v>3657</v>
      </c>
      <c r="N19" s="18">
        <v>2625</v>
      </c>
    </row>
    <row r="20" spans="1:14" s="11" customFormat="1" ht="17.25" customHeight="1" x14ac:dyDescent="0.15">
      <c r="A20" s="10" t="s">
        <v>305</v>
      </c>
      <c r="B20" s="22" t="s">
        <v>304</v>
      </c>
      <c r="C20" s="21">
        <v>1670</v>
      </c>
      <c r="D20" s="20">
        <v>9190</v>
      </c>
      <c r="E20" s="20">
        <v>4748</v>
      </c>
      <c r="F20" s="19">
        <v>4442</v>
      </c>
      <c r="G20" s="6">
        <v>1276</v>
      </c>
      <c r="H20" s="3">
        <v>6476</v>
      </c>
      <c r="I20" s="3">
        <v>3924</v>
      </c>
      <c r="J20" s="5">
        <v>2552</v>
      </c>
      <c r="K20" s="6">
        <v>1103</v>
      </c>
      <c r="L20" s="3">
        <v>6092</v>
      </c>
      <c r="M20" s="3">
        <v>3414</v>
      </c>
      <c r="N20" s="18">
        <v>2678</v>
      </c>
    </row>
    <row r="21" spans="1:14" s="11" customFormat="1" ht="17.25" customHeight="1" x14ac:dyDescent="0.15">
      <c r="A21" s="10" t="s">
        <v>303</v>
      </c>
      <c r="B21" s="22" t="s">
        <v>302</v>
      </c>
      <c r="C21" s="21">
        <v>1619</v>
      </c>
      <c r="D21" s="20">
        <v>8948</v>
      </c>
      <c r="E21" s="20">
        <v>4474</v>
      </c>
      <c r="F21" s="19">
        <v>4474</v>
      </c>
      <c r="G21" s="6">
        <v>1180</v>
      </c>
      <c r="H21" s="3">
        <v>7071</v>
      </c>
      <c r="I21" s="3">
        <v>4354</v>
      </c>
      <c r="J21" s="5">
        <v>2717</v>
      </c>
      <c r="K21" s="6">
        <v>1067</v>
      </c>
      <c r="L21" s="3">
        <v>6465</v>
      </c>
      <c r="M21" s="3">
        <v>3680</v>
      </c>
      <c r="N21" s="18">
        <v>2785</v>
      </c>
    </row>
    <row r="22" spans="1:14" s="11" customFormat="1" ht="17.25" customHeight="1" x14ac:dyDescent="0.15">
      <c r="A22" s="10" t="s">
        <v>301</v>
      </c>
      <c r="B22" s="22" t="s">
        <v>300</v>
      </c>
      <c r="C22" s="21">
        <v>1670</v>
      </c>
      <c r="D22" s="20">
        <v>9474</v>
      </c>
      <c r="E22" s="20">
        <v>4748</v>
      </c>
      <c r="F22" s="19">
        <v>4726</v>
      </c>
      <c r="G22" s="6"/>
      <c r="H22" s="3"/>
      <c r="I22" s="3"/>
      <c r="J22" s="5"/>
      <c r="K22" s="6"/>
      <c r="L22" s="3"/>
      <c r="M22" s="3"/>
      <c r="N22" s="18"/>
    </row>
    <row r="23" spans="1:14" s="11" customFormat="1" ht="17.25" customHeight="1" x14ac:dyDescent="0.15">
      <c r="A23" s="10" t="s">
        <v>299</v>
      </c>
      <c r="B23" s="22" t="s">
        <v>298</v>
      </c>
      <c r="C23" s="21">
        <v>1594</v>
      </c>
      <c r="D23" s="20">
        <v>9392</v>
      </c>
      <c r="E23" s="20">
        <v>4712</v>
      </c>
      <c r="F23" s="19">
        <v>4680</v>
      </c>
      <c r="G23" s="6">
        <v>1102</v>
      </c>
      <c r="H23" s="3">
        <v>7481</v>
      </c>
      <c r="I23" s="3">
        <v>3897</v>
      </c>
      <c r="J23" s="5">
        <v>3584</v>
      </c>
      <c r="K23" s="6">
        <v>1158</v>
      </c>
      <c r="L23" s="3">
        <v>7462</v>
      </c>
      <c r="M23" s="3">
        <v>4119</v>
      </c>
      <c r="N23" s="18">
        <v>3343</v>
      </c>
    </row>
    <row r="24" spans="1:14" s="11" customFormat="1" ht="17.25" customHeight="1" x14ac:dyDescent="0.15">
      <c r="A24" s="10" t="s">
        <v>297</v>
      </c>
      <c r="B24" s="22" t="s">
        <v>296</v>
      </c>
      <c r="C24" s="21">
        <v>1567</v>
      </c>
      <c r="D24" s="20">
        <v>9077</v>
      </c>
      <c r="E24" s="20">
        <v>4548</v>
      </c>
      <c r="F24" s="19">
        <v>4529</v>
      </c>
      <c r="G24" s="6">
        <v>1117</v>
      </c>
      <c r="H24" s="3">
        <v>7778</v>
      </c>
      <c r="I24" s="3">
        <v>4124</v>
      </c>
      <c r="J24" s="5">
        <v>3654</v>
      </c>
      <c r="K24" s="6">
        <v>1378</v>
      </c>
      <c r="L24" s="3">
        <v>7000</v>
      </c>
      <c r="M24" s="3">
        <v>3842</v>
      </c>
      <c r="N24" s="18">
        <v>3158</v>
      </c>
    </row>
    <row r="25" spans="1:14" s="11" customFormat="1" ht="17.25" customHeight="1" x14ac:dyDescent="0.15">
      <c r="A25" s="10" t="s">
        <v>295</v>
      </c>
      <c r="B25" s="22" t="s">
        <v>294</v>
      </c>
      <c r="C25" s="21">
        <v>1553</v>
      </c>
      <c r="D25" s="20">
        <v>9007</v>
      </c>
      <c r="E25" s="20">
        <v>4977</v>
      </c>
      <c r="F25" s="19">
        <v>4030</v>
      </c>
      <c r="G25" s="6">
        <v>1050</v>
      </c>
      <c r="H25" s="3">
        <v>6825</v>
      </c>
      <c r="I25" s="3">
        <v>3595</v>
      </c>
      <c r="J25" s="5">
        <v>3230</v>
      </c>
      <c r="K25" s="6">
        <v>1150</v>
      </c>
      <c r="L25" s="3">
        <v>7674</v>
      </c>
      <c r="M25" s="3">
        <v>3960</v>
      </c>
      <c r="N25" s="18">
        <v>3714</v>
      </c>
    </row>
    <row r="26" spans="1:14" s="11" customFormat="1" ht="17.25" customHeight="1" x14ac:dyDescent="0.15">
      <c r="A26" s="10" t="s">
        <v>293</v>
      </c>
      <c r="B26" s="22" t="s">
        <v>292</v>
      </c>
      <c r="C26" s="21">
        <v>1450</v>
      </c>
      <c r="D26" s="20">
        <v>8713</v>
      </c>
      <c r="E26" s="20">
        <v>4894</v>
      </c>
      <c r="F26" s="19">
        <v>3819</v>
      </c>
      <c r="G26" s="6">
        <v>1100</v>
      </c>
      <c r="H26" s="3">
        <v>6811</v>
      </c>
      <c r="I26" s="3">
        <v>3421</v>
      </c>
      <c r="J26" s="5">
        <v>3390</v>
      </c>
      <c r="K26" s="6">
        <v>1075</v>
      </c>
      <c r="L26" s="3">
        <v>6527</v>
      </c>
      <c r="M26" s="3">
        <v>3262</v>
      </c>
      <c r="N26" s="18">
        <v>3265</v>
      </c>
    </row>
    <row r="27" spans="1:14" s="11" customFormat="1" ht="17.25" customHeight="1" x14ac:dyDescent="0.15">
      <c r="A27" s="10" t="s">
        <v>291</v>
      </c>
      <c r="B27" s="22" t="s">
        <v>290</v>
      </c>
      <c r="C27" s="21">
        <v>1417</v>
      </c>
      <c r="D27" s="20">
        <v>8391</v>
      </c>
      <c r="E27" s="20">
        <v>4812</v>
      </c>
      <c r="F27" s="19">
        <v>3579</v>
      </c>
      <c r="G27" s="6">
        <v>1025</v>
      </c>
      <c r="H27" s="3">
        <v>6283</v>
      </c>
      <c r="I27" s="3">
        <v>3298</v>
      </c>
      <c r="J27" s="5">
        <v>2985</v>
      </c>
      <c r="K27" s="6">
        <v>1216</v>
      </c>
      <c r="L27" s="3">
        <v>6686</v>
      </c>
      <c r="M27" s="3">
        <v>3402</v>
      </c>
      <c r="N27" s="18">
        <v>3284</v>
      </c>
    </row>
    <row r="28" spans="1:14" s="11" customFormat="1" ht="17.25" customHeight="1" x14ac:dyDescent="0.15">
      <c r="A28" s="10" t="s">
        <v>289</v>
      </c>
      <c r="B28" s="22" t="s">
        <v>288</v>
      </c>
      <c r="C28" s="21">
        <v>1409</v>
      </c>
      <c r="D28" s="20">
        <v>8323</v>
      </c>
      <c r="E28" s="20">
        <v>4751</v>
      </c>
      <c r="F28" s="19">
        <v>3572</v>
      </c>
      <c r="G28" s="6">
        <v>1025</v>
      </c>
      <c r="H28" s="3">
        <v>6458</v>
      </c>
      <c r="I28" s="3">
        <v>3450</v>
      </c>
      <c r="J28" s="5">
        <v>3008</v>
      </c>
      <c r="K28" s="6">
        <v>1101</v>
      </c>
      <c r="L28" s="3">
        <v>6962</v>
      </c>
      <c r="M28" s="3">
        <v>3548</v>
      </c>
      <c r="N28" s="18">
        <v>3414</v>
      </c>
    </row>
    <row r="29" spans="1:14" s="11" customFormat="1" ht="17.25" customHeight="1" x14ac:dyDescent="0.15">
      <c r="A29" s="10" t="s">
        <v>287</v>
      </c>
      <c r="B29" s="22" t="s">
        <v>286</v>
      </c>
      <c r="C29" s="21">
        <v>1323</v>
      </c>
      <c r="D29" s="20">
        <v>8323</v>
      </c>
      <c r="E29" s="20">
        <v>4749</v>
      </c>
      <c r="F29" s="19">
        <v>3574</v>
      </c>
      <c r="G29" s="6">
        <v>1012</v>
      </c>
      <c r="H29" s="3">
        <v>6373</v>
      </c>
      <c r="I29" s="3">
        <v>3393</v>
      </c>
      <c r="J29" s="5">
        <v>2980</v>
      </c>
      <c r="K29" s="6">
        <v>1130</v>
      </c>
      <c r="L29" s="3">
        <v>6423</v>
      </c>
      <c r="M29" s="3">
        <v>3165</v>
      </c>
      <c r="N29" s="18">
        <v>3258</v>
      </c>
    </row>
    <row r="30" spans="1:14" s="11" customFormat="1" ht="17.25" customHeight="1" x14ac:dyDescent="0.15">
      <c r="A30" s="10" t="s">
        <v>285</v>
      </c>
      <c r="B30" s="22" t="s">
        <v>284</v>
      </c>
      <c r="C30" s="21">
        <v>1410</v>
      </c>
      <c r="D30" s="20">
        <v>7664</v>
      </c>
      <c r="E30" s="20">
        <v>4329</v>
      </c>
      <c r="F30" s="19">
        <v>3335</v>
      </c>
      <c r="G30" s="6">
        <v>992</v>
      </c>
      <c r="H30" s="3">
        <v>6333</v>
      </c>
      <c r="I30" s="3">
        <v>3352</v>
      </c>
      <c r="J30" s="5">
        <v>2981</v>
      </c>
      <c r="K30" s="6">
        <v>1037</v>
      </c>
      <c r="L30" s="3">
        <v>6420</v>
      </c>
      <c r="M30" s="3">
        <v>3061</v>
      </c>
      <c r="N30" s="18">
        <v>3359</v>
      </c>
    </row>
    <row r="31" spans="1:14" s="11" customFormat="1" ht="17.25" customHeight="1" x14ac:dyDescent="0.15">
      <c r="A31" s="10" t="s">
        <v>283</v>
      </c>
      <c r="B31" s="22" t="s">
        <v>282</v>
      </c>
      <c r="C31" s="21">
        <v>1436</v>
      </c>
      <c r="D31" s="20">
        <v>9533</v>
      </c>
      <c r="E31" s="20">
        <v>4795</v>
      </c>
      <c r="F31" s="19">
        <v>4738</v>
      </c>
      <c r="G31" s="6">
        <v>1046</v>
      </c>
      <c r="H31" s="3">
        <v>6786</v>
      </c>
      <c r="I31" s="3">
        <v>3546</v>
      </c>
      <c r="J31" s="5">
        <v>3240</v>
      </c>
      <c r="K31" s="6">
        <v>1038</v>
      </c>
      <c r="L31" s="3">
        <v>6563</v>
      </c>
      <c r="M31" s="3">
        <v>3229</v>
      </c>
      <c r="N31" s="18">
        <v>3334</v>
      </c>
    </row>
    <row r="32" spans="1:14" s="11" customFormat="1" ht="17.25" customHeight="1" x14ac:dyDescent="0.15">
      <c r="A32" s="10" t="s">
        <v>281</v>
      </c>
      <c r="B32" s="22" t="s">
        <v>280</v>
      </c>
      <c r="C32" s="21">
        <v>1476</v>
      </c>
      <c r="D32" s="20">
        <v>10566</v>
      </c>
      <c r="E32" s="20">
        <v>5367</v>
      </c>
      <c r="F32" s="19">
        <v>5199</v>
      </c>
      <c r="G32" s="6">
        <v>1091</v>
      </c>
      <c r="H32" s="3">
        <v>6780</v>
      </c>
      <c r="I32" s="3">
        <v>3478</v>
      </c>
      <c r="J32" s="5">
        <v>3302</v>
      </c>
      <c r="K32" s="6">
        <v>1138</v>
      </c>
      <c r="L32" s="3">
        <v>6498</v>
      </c>
      <c r="M32" s="3">
        <v>3122</v>
      </c>
      <c r="N32" s="18">
        <v>3376</v>
      </c>
    </row>
    <row r="33" spans="1:14" s="11" customFormat="1" ht="17.25" customHeight="1" x14ac:dyDescent="0.15">
      <c r="A33" s="10" t="s">
        <v>279</v>
      </c>
      <c r="B33" s="22" t="s">
        <v>278</v>
      </c>
      <c r="C33" s="21">
        <v>1375</v>
      </c>
      <c r="D33" s="20">
        <v>10471</v>
      </c>
      <c r="E33" s="20">
        <v>5352</v>
      </c>
      <c r="F33" s="19">
        <v>5119</v>
      </c>
      <c r="G33" s="6">
        <v>1078</v>
      </c>
      <c r="H33" s="3">
        <v>6952</v>
      </c>
      <c r="I33" s="3">
        <v>3598</v>
      </c>
      <c r="J33" s="5">
        <v>3354</v>
      </c>
      <c r="K33" s="6">
        <v>1130</v>
      </c>
      <c r="L33" s="3">
        <v>7787</v>
      </c>
      <c r="M33" s="3">
        <v>4057</v>
      </c>
      <c r="N33" s="18">
        <v>3730</v>
      </c>
    </row>
    <row r="34" spans="1:14" s="11" customFormat="1" ht="17.25" customHeight="1" x14ac:dyDescent="0.15">
      <c r="A34" s="10" t="s">
        <v>277</v>
      </c>
      <c r="B34" s="22" t="s">
        <v>276</v>
      </c>
      <c r="C34" s="21">
        <v>1408</v>
      </c>
      <c r="D34" s="20">
        <v>10466</v>
      </c>
      <c r="E34" s="20">
        <v>5413</v>
      </c>
      <c r="F34" s="19">
        <v>5053</v>
      </c>
      <c r="G34" s="6">
        <v>1061</v>
      </c>
      <c r="H34" s="3">
        <v>6896</v>
      </c>
      <c r="I34" s="3">
        <v>3542</v>
      </c>
      <c r="J34" s="5">
        <v>3354</v>
      </c>
      <c r="K34" s="6">
        <v>1158</v>
      </c>
      <c r="L34" s="3">
        <v>7605</v>
      </c>
      <c r="M34" s="3">
        <v>3931</v>
      </c>
      <c r="N34" s="18">
        <v>3674</v>
      </c>
    </row>
    <row r="35" spans="1:14" s="11" customFormat="1" ht="17.25" customHeight="1" x14ac:dyDescent="0.15">
      <c r="A35" s="10" t="s">
        <v>275</v>
      </c>
      <c r="B35" s="22" t="s">
        <v>274</v>
      </c>
      <c r="C35" s="21">
        <v>1621</v>
      </c>
      <c r="D35" s="20">
        <v>9139</v>
      </c>
      <c r="E35" s="20">
        <v>4905</v>
      </c>
      <c r="F35" s="19">
        <v>4234</v>
      </c>
      <c r="G35" s="6">
        <v>1149</v>
      </c>
      <c r="H35" s="3">
        <f t="shared" ref="H35:H41" si="0">SUM(I35:J35)</f>
        <v>6099</v>
      </c>
      <c r="I35" s="3">
        <v>3098</v>
      </c>
      <c r="J35" s="5">
        <v>3001</v>
      </c>
      <c r="K35" s="6">
        <v>1162</v>
      </c>
      <c r="L35" s="3">
        <f t="shared" ref="L35:L41" si="1">SUM(M35:N35)</f>
        <v>5963</v>
      </c>
      <c r="M35" s="3">
        <v>2942</v>
      </c>
      <c r="N35" s="18">
        <v>3021</v>
      </c>
    </row>
    <row r="36" spans="1:14" s="11" customFormat="1" ht="17.25" customHeight="1" x14ac:dyDescent="0.15">
      <c r="A36" s="10" t="s">
        <v>273</v>
      </c>
      <c r="B36" s="22" t="s">
        <v>272</v>
      </c>
      <c r="C36" s="21">
        <v>1521</v>
      </c>
      <c r="D36" s="20">
        <v>8483</v>
      </c>
      <c r="E36" s="20">
        <v>4554</v>
      </c>
      <c r="F36" s="19">
        <v>3929</v>
      </c>
      <c r="G36" s="6">
        <v>1013</v>
      </c>
      <c r="H36" s="3">
        <f t="shared" si="0"/>
        <v>5349</v>
      </c>
      <c r="I36" s="3">
        <v>2651</v>
      </c>
      <c r="J36" s="5">
        <v>2698</v>
      </c>
      <c r="K36" s="6">
        <v>1269</v>
      </c>
      <c r="L36" s="3">
        <f t="shared" si="1"/>
        <v>5966</v>
      </c>
      <c r="M36" s="3">
        <v>2890</v>
      </c>
      <c r="N36" s="18">
        <v>3076</v>
      </c>
    </row>
    <row r="37" spans="1:14" s="11" customFormat="1" ht="17.25" customHeight="1" x14ac:dyDescent="0.15">
      <c r="A37" s="10" t="s">
        <v>271</v>
      </c>
      <c r="B37" s="22" t="s">
        <v>270</v>
      </c>
      <c r="C37" s="21">
        <v>1406</v>
      </c>
      <c r="D37" s="20">
        <v>8308</v>
      </c>
      <c r="E37" s="20">
        <v>4507</v>
      </c>
      <c r="F37" s="19">
        <v>3801</v>
      </c>
      <c r="G37" s="6">
        <v>984</v>
      </c>
      <c r="H37" s="3">
        <f t="shared" si="0"/>
        <v>5665</v>
      </c>
      <c r="I37" s="3">
        <v>2877</v>
      </c>
      <c r="J37" s="5">
        <v>2788</v>
      </c>
      <c r="K37" s="6">
        <v>1116</v>
      </c>
      <c r="L37" s="3">
        <f t="shared" si="1"/>
        <v>6390</v>
      </c>
      <c r="M37" s="3">
        <v>3130</v>
      </c>
      <c r="N37" s="18">
        <v>3260</v>
      </c>
    </row>
    <row r="38" spans="1:14" s="11" customFormat="1" ht="17.25" customHeight="1" x14ac:dyDescent="0.15">
      <c r="A38" s="10" t="s">
        <v>269</v>
      </c>
      <c r="B38" s="22" t="s">
        <v>268</v>
      </c>
      <c r="C38" s="21">
        <v>1333</v>
      </c>
      <c r="D38" s="20">
        <v>8009</v>
      </c>
      <c r="E38" s="20">
        <v>4170</v>
      </c>
      <c r="F38" s="19">
        <v>3839</v>
      </c>
      <c r="G38" s="6">
        <v>976</v>
      </c>
      <c r="H38" s="3">
        <f t="shared" si="0"/>
        <v>5709</v>
      </c>
      <c r="I38" s="3">
        <v>2918</v>
      </c>
      <c r="J38" s="5">
        <v>2791</v>
      </c>
      <c r="K38" s="6">
        <v>1099</v>
      </c>
      <c r="L38" s="3">
        <f t="shared" si="1"/>
        <v>5932</v>
      </c>
      <c r="M38" s="3">
        <v>2914</v>
      </c>
      <c r="N38" s="18">
        <v>3018</v>
      </c>
    </row>
    <row r="39" spans="1:14" s="11" customFormat="1" ht="17.25" customHeight="1" x14ac:dyDescent="0.15">
      <c r="A39" s="10" t="s">
        <v>267</v>
      </c>
      <c r="B39" s="22" t="s">
        <v>266</v>
      </c>
      <c r="C39" s="21">
        <v>1191</v>
      </c>
      <c r="D39" s="20">
        <v>7375</v>
      </c>
      <c r="E39" s="20">
        <v>3721</v>
      </c>
      <c r="F39" s="19">
        <v>3654</v>
      </c>
      <c r="G39" s="36">
        <v>876</v>
      </c>
      <c r="H39" s="3">
        <f t="shared" si="0"/>
        <v>5261</v>
      </c>
      <c r="I39" s="35">
        <v>2679</v>
      </c>
      <c r="J39" s="37">
        <v>2582</v>
      </c>
      <c r="K39" s="36">
        <v>988</v>
      </c>
      <c r="L39" s="3">
        <f t="shared" si="1"/>
        <v>5146</v>
      </c>
      <c r="M39" s="35">
        <v>2489</v>
      </c>
      <c r="N39" s="34">
        <v>2657</v>
      </c>
    </row>
    <row r="40" spans="1:14" s="11" customFormat="1" ht="17.25" customHeight="1" x14ac:dyDescent="0.15">
      <c r="A40" s="10" t="s">
        <v>265</v>
      </c>
      <c r="B40" s="22" t="s">
        <v>264</v>
      </c>
      <c r="C40" s="21">
        <v>1433</v>
      </c>
      <c r="D40" s="20">
        <v>8745</v>
      </c>
      <c r="E40" s="20">
        <v>4350</v>
      </c>
      <c r="F40" s="19">
        <v>4395</v>
      </c>
      <c r="G40" s="36">
        <v>1036</v>
      </c>
      <c r="H40" s="3">
        <f t="shared" si="0"/>
        <v>6331</v>
      </c>
      <c r="I40" s="35">
        <v>3123</v>
      </c>
      <c r="J40" s="37">
        <v>3208</v>
      </c>
      <c r="K40" s="36">
        <v>1250</v>
      </c>
      <c r="L40" s="3">
        <f t="shared" si="1"/>
        <v>7248</v>
      </c>
      <c r="M40" s="35">
        <v>3433</v>
      </c>
      <c r="N40" s="34">
        <v>3815</v>
      </c>
    </row>
    <row r="41" spans="1:14" s="11" customFormat="1" ht="17.25" customHeight="1" x14ac:dyDescent="0.15">
      <c r="A41" s="10" t="s">
        <v>263</v>
      </c>
      <c r="B41" s="22" t="s">
        <v>262</v>
      </c>
      <c r="C41" s="21">
        <v>1532</v>
      </c>
      <c r="D41" s="20">
        <v>9194</v>
      </c>
      <c r="E41" s="20">
        <v>4598</v>
      </c>
      <c r="F41" s="19">
        <v>4596</v>
      </c>
      <c r="G41" s="36">
        <v>1064</v>
      </c>
      <c r="H41" s="3">
        <f t="shared" si="0"/>
        <v>6722</v>
      </c>
      <c r="I41" s="35">
        <v>3433</v>
      </c>
      <c r="J41" s="37">
        <v>3289</v>
      </c>
      <c r="K41" s="36">
        <v>1331</v>
      </c>
      <c r="L41" s="3">
        <f t="shared" si="1"/>
        <v>8846</v>
      </c>
      <c r="M41" s="35">
        <v>4430</v>
      </c>
      <c r="N41" s="34">
        <v>4416</v>
      </c>
    </row>
    <row r="42" spans="1:14" s="11" customFormat="1" ht="17.25" customHeight="1" x14ac:dyDescent="0.15">
      <c r="A42" s="10" t="s">
        <v>261</v>
      </c>
      <c r="B42" s="22" t="s">
        <v>260</v>
      </c>
      <c r="C42" s="21">
        <v>1598</v>
      </c>
      <c r="D42" s="20">
        <v>9601</v>
      </c>
      <c r="E42" s="20">
        <v>4858</v>
      </c>
      <c r="F42" s="19">
        <v>4743</v>
      </c>
      <c r="G42" s="6"/>
      <c r="H42" s="3"/>
      <c r="I42" s="3"/>
      <c r="J42" s="5"/>
      <c r="K42" s="6"/>
      <c r="L42" s="3"/>
      <c r="M42" s="3"/>
      <c r="N42" s="18"/>
    </row>
    <row r="43" spans="1:14" s="11" customFormat="1" ht="36" x14ac:dyDescent="0.15">
      <c r="A43" s="10" t="s">
        <v>259</v>
      </c>
      <c r="B43" s="22" t="s">
        <v>258</v>
      </c>
      <c r="C43" s="8" t="s">
        <v>257</v>
      </c>
      <c r="D43" s="7" t="s">
        <v>256</v>
      </c>
      <c r="E43" s="7" t="s">
        <v>255</v>
      </c>
      <c r="F43" s="17" t="s">
        <v>254</v>
      </c>
      <c r="G43" s="36">
        <v>1068</v>
      </c>
      <c r="H43" s="3">
        <f>SUM(I43:J43)</f>
        <v>6476</v>
      </c>
      <c r="I43" s="35">
        <v>3276</v>
      </c>
      <c r="J43" s="37">
        <v>3200</v>
      </c>
      <c r="K43" s="36">
        <v>1441</v>
      </c>
      <c r="L43" s="3">
        <f>SUM(M43:N43)</f>
        <v>9082</v>
      </c>
      <c r="M43" s="35">
        <v>4544</v>
      </c>
      <c r="N43" s="34">
        <v>4538</v>
      </c>
    </row>
    <row r="44" spans="1:14" s="11" customFormat="1" ht="17.25" customHeight="1" x14ac:dyDescent="0.15">
      <c r="A44" s="10" t="s">
        <v>253</v>
      </c>
      <c r="B44" s="22" t="s">
        <v>252</v>
      </c>
      <c r="C44" s="21">
        <v>1642</v>
      </c>
      <c r="D44" s="20">
        <v>9763</v>
      </c>
      <c r="E44" s="20">
        <v>4952</v>
      </c>
      <c r="F44" s="19">
        <v>4811</v>
      </c>
      <c r="G44" s="6"/>
      <c r="H44" s="3"/>
      <c r="I44" s="3"/>
      <c r="J44" s="5"/>
      <c r="K44" s="6"/>
      <c r="L44" s="3"/>
      <c r="M44" s="3"/>
      <c r="N44" s="18"/>
    </row>
    <row r="45" spans="1:14" s="11" customFormat="1" ht="17.25" customHeight="1" x14ac:dyDescent="0.15">
      <c r="A45" s="10" t="s">
        <v>251</v>
      </c>
      <c r="B45" s="22" t="s">
        <v>250</v>
      </c>
      <c r="C45" s="21">
        <v>1653</v>
      </c>
      <c r="D45" s="20">
        <v>9745</v>
      </c>
      <c r="E45" s="20">
        <v>4962</v>
      </c>
      <c r="F45" s="19">
        <v>4783</v>
      </c>
      <c r="G45" s="6"/>
      <c r="H45" s="3"/>
      <c r="I45" s="3"/>
      <c r="J45" s="5"/>
      <c r="K45" s="6"/>
      <c r="L45" s="3"/>
      <c r="M45" s="3"/>
      <c r="N45" s="18"/>
    </row>
    <row r="46" spans="1:14" s="11" customFormat="1" ht="17.25" customHeight="1" x14ac:dyDescent="0.15">
      <c r="A46" s="10" t="s">
        <v>249</v>
      </c>
      <c r="B46" s="22" t="s">
        <v>248</v>
      </c>
      <c r="C46" s="21">
        <v>1658</v>
      </c>
      <c r="D46" s="20">
        <v>9674</v>
      </c>
      <c r="E46" s="20">
        <v>4911</v>
      </c>
      <c r="F46" s="19">
        <v>4763</v>
      </c>
      <c r="G46" s="6"/>
      <c r="H46" s="3"/>
      <c r="I46" s="3"/>
      <c r="J46" s="5"/>
      <c r="K46" s="6"/>
      <c r="L46" s="3"/>
      <c r="M46" s="3"/>
      <c r="N46" s="18"/>
    </row>
    <row r="47" spans="1:14" s="11" customFormat="1" ht="17.25" customHeight="1" x14ac:dyDescent="0.15">
      <c r="A47" s="10" t="s">
        <v>247</v>
      </c>
      <c r="B47" s="22" t="s">
        <v>246</v>
      </c>
      <c r="C47" s="21">
        <v>1658</v>
      </c>
      <c r="D47" s="20">
        <v>9571</v>
      </c>
      <c r="E47" s="20">
        <v>4852</v>
      </c>
      <c r="F47" s="19">
        <v>4719</v>
      </c>
      <c r="G47" s="6"/>
      <c r="H47" s="3"/>
      <c r="I47" s="3"/>
      <c r="J47" s="5"/>
      <c r="K47" s="6"/>
      <c r="L47" s="3"/>
      <c r="M47" s="3"/>
      <c r="N47" s="18"/>
    </row>
    <row r="48" spans="1:14" s="11" customFormat="1" ht="24" x14ac:dyDescent="0.15">
      <c r="A48" s="10" t="s">
        <v>245</v>
      </c>
      <c r="B48" s="22" t="s">
        <v>244</v>
      </c>
      <c r="C48" s="8" t="s">
        <v>243</v>
      </c>
      <c r="D48" s="7" t="s">
        <v>242</v>
      </c>
      <c r="E48" s="7" t="s">
        <v>241</v>
      </c>
      <c r="F48" s="17" t="s">
        <v>240</v>
      </c>
      <c r="G48" s="36">
        <v>1059</v>
      </c>
      <c r="H48" s="3">
        <v>5659</v>
      </c>
      <c r="I48" s="35">
        <v>2818</v>
      </c>
      <c r="J48" s="37">
        <v>2841</v>
      </c>
      <c r="K48" s="36">
        <v>1408</v>
      </c>
      <c r="L48" s="3">
        <v>8011</v>
      </c>
      <c r="M48" s="35">
        <v>3944</v>
      </c>
      <c r="N48" s="34">
        <v>4067</v>
      </c>
    </row>
    <row r="49" spans="1:14" s="11" customFormat="1" ht="17.25" customHeight="1" x14ac:dyDescent="0.15">
      <c r="A49" s="10" t="s">
        <v>239</v>
      </c>
      <c r="B49" s="22" t="s">
        <v>238</v>
      </c>
      <c r="C49" s="21">
        <v>1681</v>
      </c>
      <c r="D49" s="20">
        <v>9504</v>
      </c>
      <c r="E49" s="20">
        <v>4801</v>
      </c>
      <c r="F49" s="19">
        <v>4703</v>
      </c>
      <c r="G49" s="6"/>
      <c r="H49" s="3"/>
      <c r="I49" s="3"/>
      <c r="J49" s="5"/>
      <c r="K49" s="6"/>
      <c r="L49" s="3"/>
      <c r="M49" s="3"/>
      <c r="N49" s="18"/>
    </row>
    <row r="50" spans="1:14" s="11" customFormat="1" ht="17.25" customHeight="1" x14ac:dyDescent="0.15">
      <c r="A50" s="10" t="s">
        <v>237</v>
      </c>
      <c r="B50" s="22" t="s">
        <v>236</v>
      </c>
      <c r="C50" s="21">
        <v>1670</v>
      </c>
      <c r="D50" s="20">
        <v>9451</v>
      </c>
      <c r="E50" s="20">
        <v>4744</v>
      </c>
      <c r="F50" s="19">
        <v>4707</v>
      </c>
      <c r="G50" s="6"/>
      <c r="H50" s="3"/>
      <c r="I50" s="3"/>
      <c r="J50" s="5"/>
      <c r="K50" s="6"/>
      <c r="L50" s="3"/>
      <c r="M50" s="3"/>
      <c r="N50" s="18"/>
    </row>
    <row r="51" spans="1:14" s="11" customFormat="1" ht="17.25" customHeight="1" x14ac:dyDescent="0.15">
      <c r="A51" s="10" t="s">
        <v>235</v>
      </c>
      <c r="B51" s="22" t="s">
        <v>234</v>
      </c>
      <c r="C51" s="21">
        <v>1657</v>
      </c>
      <c r="D51" s="20">
        <v>9315</v>
      </c>
      <c r="E51" s="20">
        <v>4635</v>
      </c>
      <c r="F51" s="19">
        <v>4680</v>
      </c>
      <c r="G51" s="6"/>
      <c r="H51" s="3"/>
      <c r="I51" s="3"/>
      <c r="J51" s="5"/>
      <c r="K51" s="6"/>
      <c r="L51" s="3"/>
      <c r="M51" s="3"/>
      <c r="N51" s="18"/>
    </row>
    <row r="52" spans="1:14" s="11" customFormat="1" ht="17.25" customHeight="1" x14ac:dyDescent="0.15">
      <c r="A52" s="10" t="s">
        <v>233</v>
      </c>
      <c r="B52" s="22" t="s">
        <v>232</v>
      </c>
      <c r="C52" s="21">
        <v>1661</v>
      </c>
      <c r="D52" s="20">
        <v>9273</v>
      </c>
      <c r="E52" s="20">
        <v>4625</v>
      </c>
      <c r="F52" s="19">
        <v>4648</v>
      </c>
      <c r="G52" s="6"/>
      <c r="H52" s="3"/>
      <c r="I52" s="3"/>
      <c r="J52" s="5"/>
      <c r="K52" s="6"/>
      <c r="L52" s="3"/>
      <c r="M52" s="3"/>
      <c r="N52" s="18"/>
    </row>
    <row r="53" spans="1:14" s="11" customFormat="1" ht="24" x14ac:dyDescent="0.15">
      <c r="A53" s="10" t="s">
        <v>231</v>
      </c>
      <c r="B53" s="22" t="s">
        <v>230</v>
      </c>
      <c r="C53" s="8" t="s">
        <v>229</v>
      </c>
      <c r="D53" s="7" t="s">
        <v>228</v>
      </c>
      <c r="E53" s="7" t="s">
        <v>227</v>
      </c>
      <c r="F53" s="17" t="s">
        <v>226</v>
      </c>
      <c r="G53" s="36">
        <v>998</v>
      </c>
      <c r="H53" s="3">
        <v>5019</v>
      </c>
      <c r="I53" s="35">
        <v>2484</v>
      </c>
      <c r="J53" s="37">
        <v>2535</v>
      </c>
      <c r="K53" s="36">
        <v>1395</v>
      </c>
      <c r="L53" s="3">
        <v>7291</v>
      </c>
      <c r="M53" s="35">
        <v>3625</v>
      </c>
      <c r="N53" s="34">
        <v>3666</v>
      </c>
    </row>
    <row r="54" spans="1:14" s="11" customFormat="1" ht="17.25" customHeight="1" x14ac:dyDescent="0.15">
      <c r="A54" s="10" t="s">
        <v>225</v>
      </c>
      <c r="B54" s="22" t="s">
        <v>224</v>
      </c>
      <c r="C54" s="21">
        <v>1763</v>
      </c>
      <c r="D54" s="20">
        <v>9353</v>
      </c>
      <c r="E54" s="20">
        <v>4654</v>
      </c>
      <c r="F54" s="19">
        <v>4699</v>
      </c>
      <c r="G54" s="6"/>
      <c r="H54" s="3"/>
      <c r="I54" s="3"/>
      <c r="J54" s="5"/>
      <c r="K54" s="6"/>
      <c r="L54" s="3"/>
      <c r="M54" s="3"/>
      <c r="N54" s="18"/>
    </row>
    <row r="55" spans="1:14" s="11" customFormat="1" ht="17.25" customHeight="1" x14ac:dyDescent="0.15">
      <c r="A55" s="10" t="s">
        <v>223</v>
      </c>
      <c r="B55" s="22" t="s">
        <v>222</v>
      </c>
      <c r="C55" s="21">
        <v>1909</v>
      </c>
      <c r="D55" s="20">
        <v>9735</v>
      </c>
      <c r="E55" s="20">
        <v>4832</v>
      </c>
      <c r="F55" s="19">
        <v>4903</v>
      </c>
      <c r="G55" s="6"/>
      <c r="H55" s="3"/>
      <c r="I55" s="3"/>
      <c r="J55" s="5"/>
      <c r="K55" s="6"/>
      <c r="L55" s="3"/>
      <c r="M55" s="3"/>
      <c r="N55" s="18"/>
    </row>
    <row r="56" spans="1:14" s="11" customFormat="1" ht="17.25" customHeight="1" x14ac:dyDescent="0.15">
      <c r="A56" s="10" t="s">
        <v>221</v>
      </c>
      <c r="B56" s="22" t="s">
        <v>220</v>
      </c>
      <c r="C56" s="21">
        <v>1974</v>
      </c>
      <c r="D56" s="20">
        <v>9870</v>
      </c>
      <c r="E56" s="20">
        <v>4914</v>
      </c>
      <c r="F56" s="19">
        <v>4956</v>
      </c>
      <c r="G56" s="6"/>
      <c r="H56" s="3"/>
      <c r="I56" s="3"/>
      <c r="J56" s="5"/>
      <c r="K56" s="6"/>
      <c r="L56" s="3"/>
      <c r="M56" s="3"/>
      <c r="N56" s="18"/>
    </row>
    <row r="57" spans="1:14" s="11" customFormat="1" ht="17.25" customHeight="1" x14ac:dyDescent="0.15">
      <c r="A57" s="10" t="s">
        <v>219</v>
      </c>
      <c r="B57" s="22" t="s">
        <v>218</v>
      </c>
      <c r="C57" s="21">
        <v>2152</v>
      </c>
      <c r="D57" s="20">
        <v>10409</v>
      </c>
      <c r="E57" s="20">
        <v>5186</v>
      </c>
      <c r="F57" s="19">
        <v>5223</v>
      </c>
      <c r="G57" s="6"/>
      <c r="H57" s="3"/>
      <c r="I57" s="3"/>
      <c r="J57" s="5"/>
      <c r="K57" s="6"/>
      <c r="L57" s="3"/>
      <c r="M57" s="3"/>
      <c r="N57" s="18"/>
    </row>
    <row r="58" spans="1:14" s="11" customFormat="1" ht="36" x14ac:dyDescent="0.15">
      <c r="A58" s="10" t="s">
        <v>217</v>
      </c>
      <c r="B58" s="22" t="s">
        <v>216</v>
      </c>
      <c r="C58" s="8" t="s">
        <v>215</v>
      </c>
      <c r="D58" s="7" t="s">
        <v>214</v>
      </c>
      <c r="E58" s="7" t="s">
        <v>213</v>
      </c>
      <c r="F58" s="17" t="s">
        <v>212</v>
      </c>
      <c r="G58" s="29" t="s">
        <v>211</v>
      </c>
      <c r="H58" s="13" t="s">
        <v>210</v>
      </c>
      <c r="I58" s="28" t="s">
        <v>209</v>
      </c>
      <c r="J58" s="30" t="s">
        <v>208</v>
      </c>
      <c r="K58" s="29" t="s">
        <v>207</v>
      </c>
      <c r="L58" s="13" t="s">
        <v>206</v>
      </c>
      <c r="M58" s="28" t="s">
        <v>205</v>
      </c>
      <c r="N58" s="27" t="s">
        <v>204</v>
      </c>
    </row>
    <row r="59" spans="1:14" s="11" customFormat="1" ht="17.25" customHeight="1" x14ac:dyDescent="0.15">
      <c r="A59" s="10" t="s">
        <v>203</v>
      </c>
      <c r="B59" s="22" t="s">
        <v>202</v>
      </c>
      <c r="C59" s="21">
        <v>2824</v>
      </c>
      <c r="D59" s="20">
        <v>11669</v>
      </c>
      <c r="E59" s="20">
        <v>5767</v>
      </c>
      <c r="F59" s="19">
        <v>5902</v>
      </c>
      <c r="G59" s="6">
        <v>946</v>
      </c>
      <c r="H59" s="3">
        <v>4107</v>
      </c>
      <c r="I59" s="3">
        <v>1997</v>
      </c>
      <c r="J59" s="5">
        <v>2110</v>
      </c>
      <c r="K59" s="6">
        <v>1250</v>
      </c>
      <c r="L59" s="3">
        <v>5676</v>
      </c>
      <c r="M59" s="3">
        <v>2732</v>
      </c>
      <c r="N59" s="18">
        <v>2944</v>
      </c>
    </row>
    <row r="60" spans="1:14" s="11" customFormat="1" ht="17.25" customHeight="1" x14ac:dyDescent="0.15">
      <c r="A60" s="10" t="s">
        <v>201</v>
      </c>
      <c r="B60" s="22" t="s">
        <v>200</v>
      </c>
      <c r="C60" s="21">
        <v>3126</v>
      </c>
      <c r="D60" s="20">
        <v>12484</v>
      </c>
      <c r="E60" s="20">
        <v>6196</v>
      </c>
      <c r="F60" s="19">
        <v>6288</v>
      </c>
      <c r="G60" s="6">
        <v>939</v>
      </c>
      <c r="H60" s="3">
        <v>3999</v>
      </c>
      <c r="I60" s="3">
        <v>1937</v>
      </c>
      <c r="J60" s="5">
        <v>2062</v>
      </c>
      <c r="K60" s="6">
        <v>1238</v>
      </c>
      <c r="L60" s="3">
        <v>5502</v>
      </c>
      <c r="M60" s="3">
        <v>2648</v>
      </c>
      <c r="N60" s="18">
        <v>2854</v>
      </c>
    </row>
    <row r="61" spans="1:14" s="11" customFormat="1" ht="17.25" customHeight="1" x14ac:dyDescent="0.15">
      <c r="A61" s="10" t="s">
        <v>199</v>
      </c>
      <c r="B61" s="22" t="s">
        <v>198</v>
      </c>
      <c r="C61" s="21">
        <v>3528</v>
      </c>
      <c r="D61" s="20">
        <v>13614</v>
      </c>
      <c r="E61" s="20">
        <v>6758</v>
      </c>
      <c r="F61" s="19">
        <v>6856</v>
      </c>
      <c r="G61" s="6">
        <v>932</v>
      </c>
      <c r="H61" s="3">
        <v>3848</v>
      </c>
      <c r="I61" s="3">
        <v>1842</v>
      </c>
      <c r="J61" s="5">
        <v>2006</v>
      </c>
      <c r="K61" s="6">
        <v>1235</v>
      </c>
      <c r="L61" s="3">
        <v>5393</v>
      </c>
      <c r="M61" s="3">
        <v>2592</v>
      </c>
      <c r="N61" s="18">
        <v>2801</v>
      </c>
    </row>
    <row r="62" spans="1:14" s="11" customFormat="1" ht="17.25" customHeight="1" x14ac:dyDescent="0.15">
      <c r="A62" s="10" t="s">
        <v>197</v>
      </c>
      <c r="B62" s="22" t="s">
        <v>196</v>
      </c>
      <c r="C62" s="21">
        <v>4108</v>
      </c>
      <c r="D62" s="20">
        <v>15392</v>
      </c>
      <c r="E62" s="20">
        <v>7653</v>
      </c>
      <c r="F62" s="19">
        <v>7739</v>
      </c>
      <c r="G62" s="6">
        <v>928</v>
      </c>
      <c r="H62" s="3">
        <v>3799</v>
      </c>
      <c r="I62" s="3">
        <v>1825</v>
      </c>
      <c r="J62" s="5">
        <v>1974</v>
      </c>
      <c r="K62" s="6">
        <v>1322</v>
      </c>
      <c r="L62" s="3">
        <v>5124</v>
      </c>
      <c r="M62" s="3">
        <v>2443</v>
      </c>
      <c r="N62" s="18">
        <v>2681</v>
      </c>
    </row>
    <row r="63" spans="1:14" s="11" customFormat="1" ht="36" x14ac:dyDescent="0.15">
      <c r="A63" s="10" t="s">
        <v>195</v>
      </c>
      <c r="B63" s="22" t="s">
        <v>194</v>
      </c>
      <c r="C63" s="8" t="s">
        <v>193</v>
      </c>
      <c r="D63" s="7" t="s">
        <v>192</v>
      </c>
      <c r="E63" s="7" t="s">
        <v>191</v>
      </c>
      <c r="F63" s="17" t="s">
        <v>190</v>
      </c>
      <c r="G63" s="33" t="s">
        <v>189</v>
      </c>
      <c r="H63" s="13" t="s">
        <v>188</v>
      </c>
      <c r="I63" s="32" t="s">
        <v>187</v>
      </c>
      <c r="J63" s="31" t="s">
        <v>186</v>
      </c>
      <c r="K63" s="29" t="s">
        <v>185</v>
      </c>
      <c r="L63" s="13" t="s">
        <v>184</v>
      </c>
      <c r="M63" s="28" t="s">
        <v>183</v>
      </c>
      <c r="N63" s="27" t="s">
        <v>182</v>
      </c>
    </row>
    <row r="64" spans="1:14" s="11" customFormat="1" ht="17.25" customHeight="1" x14ac:dyDescent="0.15">
      <c r="A64" s="10" t="s">
        <v>181</v>
      </c>
      <c r="B64" s="22" t="s">
        <v>180</v>
      </c>
      <c r="C64" s="21">
        <v>5124</v>
      </c>
      <c r="D64" s="20">
        <v>18430</v>
      </c>
      <c r="E64" s="20">
        <v>9166</v>
      </c>
      <c r="F64" s="19">
        <v>9264</v>
      </c>
      <c r="G64" s="6">
        <v>938</v>
      </c>
      <c r="H64" s="3">
        <v>3650</v>
      </c>
      <c r="I64" s="3">
        <v>1768</v>
      </c>
      <c r="J64" s="5">
        <v>1882</v>
      </c>
      <c r="K64" s="6">
        <v>1273</v>
      </c>
      <c r="L64" s="3">
        <v>4589</v>
      </c>
      <c r="M64" s="3">
        <v>2186</v>
      </c>
      <c r="N64" s="18">
        <v>2403</v>
      </c>
    </row>
    <row r="65" spans="1:14" s="11" customFormat="1" ht="17.25" customHeight="1" x14ac:dyDescent="0.15">
      <c r="A65" s="10" t="s">
        <v>179</v>
      </c>
      <c r="B65" s="22" t="s">
        <v>178</v>
      </c>
      <c r="C65" s="21">
        <v>6293</v>
      </c>
      <c r="D65" s="20">
        <v>22343</v>
      </c>
      <c r="E65" s="20">
        <v>11089</v>
      </c>
      <c r="F65" s="19">
        <v>11254</v>
      </c>
      <c r="G65" s="6">
        <v>953</v>
      </c>
      <c r="H65" s="3">
        <v>3617</v>
      </c>
      <c r="I65" s="3">
        <v>1771</v>
      </c>
      <c r="J65" s="5">
        <v>1846</v>
      </c>
      <c r="K65" s="6">
        <v>1222</v>
      </c>
      <c r="L65" s="3">
        <v>4324</v>
      </c>
      <c r="M65" s="3">
        <v>2045</v>
      </c>
      <c r="N65" s="18">
        <v>2279</v>
      </c>
    </row>
    <row r="66" spans="1:14" s="11" customFormat="1" ht="17.25" customHeight="1" x14ac:dyDescent="0.15">
      <c r="A66" s="10" t="s">
        <v>177</v>
      </c>
      <c r="B66" s="22" t="s">
        <v>176</v>
      </c>
      <c r="C66" s="21">
        <v>7642</v>
      </c>
      <c r="D66" s="20">
        <v>26400</v>
      </c>
      <c r="E66" s="20">
        <v>13107</v>
      </c>
      <c r="F66" s="19">
        <v>13293</v>
      </c>
      <c r="G66" s="6">
        <v>978</v>
      </c>
      <c r="H66" s="3">
        <v>3580</v>
      </c>
      <c r="I66" s="3">
        <v>1766</v>
      </c>
      <c r="J66" s="5">
        <v>1814</v>
      </c>
      <c r="K66" s="6">
        <v>1216</v>
      </c>
      <c r="L66" s="3">
        <v>4176</v>
      </c>
      <c r="M66" s="3">
        <v>1991</v>
      </c>
      <c r="N66" s="18">
        <v>2185</v>
      </c>
    </row>
    <row r="67" spans="1:14" s="11" customFormat="1" ht="17.25" customHeight="1" x14ac:dyDescent="0.15">
      <c r="A67" s="10" t="s">
        <v>175</v>
      </c>
      <c r="B67" s="22" t="s">
        <v>174</v>
      </c>
      <c r="C67" s="21">
        <v>8995</v>
      </c>
      <c r="D67" s="20">
        <v>30890</v>
      </c>
      <c r="E67" s="20">
        <v>15306</v>
      </c>
      <c r="F67" s="19">
        <v>15584</v>
      </c>
      <c r="G67" s="6">
        <v>948</v>
      </c>
      <c r="H67" s="3">
        <v>3507</v>
      </c>
      <c r="I67" s="3">
        <v>1717</v>
      </c>
      <c r="J67" s="5">
        <v>1790</v>
      </c>
      <c r="K67" s="6">
        <v>1209</v>
      </c>
      <c r="L67" s="3">
        <v>4050</v>
      </c>
      <c r="M67" s="3">
        <v>1938</v>
      </c>
      <c r="N67" s="18">
        <v>2112</v>
      </c>
    </row>
    <row r="68" spans="1:14" s="11" customFormat="1" ht="36" x14ac:dyDescent="0.15">
      <c r="A68" s="10" t="s">
        <v>173</v>
      </c>
      <c r="B68" s="22" t="s">
        <v>172</v>
      </c>
      <c r="C68" s="8" t="s">
        <v>171</v>
      </c>
      <c r="D68" s="7" t="s">
        <v>170</v>
      </c>
      <c r="E68" s="7" t="s">
        <v>169</v>
      </c>
      <c r="F68" s="17" t="s">
        <v>168</v>
      </c>
      <c r="G68" s="33" t="s">
        <v>167</v>
      </c>
      <c r="H68" s="13" t="s">
        <v>166</v>
      </c>
      <c r="I68" s="32" t="s">
        <v>165</v>
      </c>
      <c r="J68" s="31" t="s">
        <v>164</v>
      </c>
      <c r="K68" s="29" t="s">
        <v>163</v>
      </c>
      <c r="L68" s="13" t="s">
        <v>162</v>
      </c>
      <c r="M68" s="28" t="s">
        <v>161</v>
      </c>
      <c r="N68" s="27" t="s">
        <v>160</v>
      </c>
    </row>
    <row r="69" spans="1:14" s="11" customFormat="1" ht="17.25" customHeight="1" x14ac:dyDescent="0.15">
      <c r="A69" s="10" t="s">
        <v>159</v>
      </c>
      <c r="B69" s="22" t="s">
        <v>158</v>
      </c>
      <c r="C69" s="21">
        <v>10502</v>
      </c>
      <c r="D69" s="20">
        <v>35868</v>
      </c>
      <c r="E69" s="20">
        <v>17714</v>
      </c>
      <c r="F69" s="19">
        <v>18154</v>
      </c>
      <c r="G69" s="6">
        <v>983</v>
      </c>
      <c r="H69" s="3">
        <v>3374</v>
      </c>
      <c r="I69" s="3">
        <v>1644</v>
      </c>
      <c r="J69" s="5">
        <v>1730</v>
      </c>
      <c r="K69" s="6">
        <v>1189</v>
      </c>
      <c r="L69" s="3">
        <v>3874</v>
      </c>
      <c r="M69" s="3">
        <v>1853</v>
      </c>
      <c r="N69" s="18">
        <v>2021</v>
      </c>
    </row>
    <row r="70" spans="1:14" s="11" customFormat="1" ht="17.25" customHeight="1" x14ac:dyDescent="0.15">
      <c r="A70" s="10" t="s">
        <v>157</v>
      </c>
      <c r="B70" s="22" t="s">
        <v>156</v>
      </c>
      <c r="C70" s="21">
        <v>11170</v>
      </c>
      <c r="D70" s="20">
        <v>37666</v>
      </c>
      <c r="E70" s="20">
        <v>18572</v>
      </c>
      <c r="F70" s="19">
        <v>19094</v>
      </c>
      <c r="G70" s="6">
        <v>1014</v>
      </c>
      <c r="H70" s="3">
        <v>3333</v>
      </c>
      <c r="I70" s="3">
        <v>1628</v>
      </c>
      <c r="J70" s="5">
        <v>1705</v>
      </c>
      <c r="K70" s="6">
        <v>1166</v>
      </c>
      <c r="L70" s="3">
        <v>3739</v>
      </c>
      <c r="M70" s="3">
        <v>1785</v>
      </c>
      <c r="N70" s="18">
        <v>1954</v>
      </c>
    </row>
    <row r="71" spans="1:14" s="11" customFormat="1" ht="17.25" customHeight="1" x14ac:dyDescent="0.15">
      <c r="A71" s="10" t="s">
        <v>155</v>
      </c>
      <c r="B71" s="22" t="s">
        <v>154</v>
      </c>
      <c r="C71" s="21">
        <v>11713</v>
      </c>
      <c r="D71" s="20">
        <v>39441</v>
      </c>
      <c r="E71" s="20">
        <v>19366</v>
      </c>
      <c r="F71" s="19">
        <v>20075</v>
      </c>
      <c r="G71" s="6">
        <v>1016</v>
      </c>
      <c r="H71" s="3">
        <v>3291</v>
      </c>
      <c r="I71" s="3">
        <v>1622</v>
      </c>
      <c r="J71" s="5">
        <v>1669</v>
      </c>
      <c r="K71" s="6">
        <v>1159</v>
      </c>
      <c r="L71" s="3">
        <v>3622</v>
      </c>
      <c r="M71" s="3">
        <v>1726</v>
      </c>
      <c r="N71" s="18">
        <v>1896</v>
      </c>
    </row>
    <row r="72" spans="1:14" s="11" customFormat="1" ht="17.25" customHeight="1" x14ac:dyDescent="0.15">
      <c r="A72" s="10" t="s">
        <v>153</v>
      </c>
      <c r="B72" s="22" t="s">
        <v>152</v>
      </c>
      <c r="C72" s="21">
        <v>12208</v>
      </c>
      <c r="D72" s="20">
        <v>40895</v>
      </c>
      <c r="E72" s="20">
        <v>20083</v>
      </c>
      <c r="F72" s="19">
        <v>20812</v>
      </c>
      <c r="G72" s="6">
        <v>992</v>
      </c>
      <c r="H72" s="3">
        <v>3221</v>
      </c>
      <c r="I72" s="3">
        <v>1575</v>
      </c>
      <c r="J72" s="5">
        <v>1646</v>
      </c>
      <c r="K72" s="6">
        <v>1152</v>
      </c>
      <c r="L72" s="3">
        <v>3528</v>
      </c>
      <c r="M72" s="3">
        <v>1695</v>
      </c>
      <c r="N72" s="18">
        <v>1833</v>
      </c>
    </row>
    <row r="73" spans="1:14" s="11" customFormat="1" ht="36" x14ac:dyDescent="0.15">
      <c r="A73" s="10" t="s">
        <v>151</v>
      </c>
      <c r="B73" s="22" t="s">
        <v>150</v>
      </c>
      <c r="C73" s="8" t="s">
        <v>149</v>
      </c>
      <c r="D73" s="7" t="s">
        <v>148</v>
      </c>
      <c r="E73" s="7" t="s">
        <v>147</v>
      </c>
      <c r="F73" s="17" t="s">
        <v>146</v>
      </c>
      <c r="G73" s="33" t="s">
        <v>145</v>
      </c>
      <c r="H73" s="13" t="s">
        <v>144</v>
      </c>
      <c r="I73" s="32" t="s">
        <v>143</v>
      </c>
      <c r="J73" s="31" t="s">
        <v>142</v>
      </c>
      <c r="K73" s="29" t="s">
        <v>141</v>
      </c>
      <c r="L73" s="13" t="s">
        <v>140</v>
      </c>
      <c r="M73" s="28" t="s">
        <v>139</v>
      </c>
      <c r="N73" s="27" t="s">
        <v>138</v>
      </c>
    </row>
    <row r="74" spans="1:14" s="11" customFormat="1" ht="17.25" customHeight="1" x14ac:dyDescent="0.15">
      <c r="A74" s="10" t="s">
        <v>137</v>
      </c>
      <c r="B74" s="22" t="s">
        <v>136</v>
      </c>
      <c r="C74" s="21">
        <v>13064</v>
      </c>
      <c r="D74" s="20">
        <v>43135</v>
      </c>
      <c r="E74" s="20">
        <v>21163</v>
      </c>
      <c r="F74" s="19">
        <v>21972</v>
      </c>
      <c r="G74" s="6">
        <v>975</v>
      </c>
      <c r="H74" s="3">
        <v>3122</v>
      </c>
      <c r="I74" s="3">
        <v>1534</v>
      </c>
      <c r="J74" s="5">
        <v>1588</v>
      </c>
      <c r="K74" s="6">
        <v>1140</v>
      </c>
      <c r="L74" s="3">
        <v>3330</v>
      </c>
      <c r="M74" s="3">
        <v>1595</v>
      </c>
      <c r="N74" s="18">
        <v>1735</v>
      </c>
    </row>
    <row r="75" spans="1:14" s="11" customFormat="1" ht="17.25" customHeight="1" x14ac:dyDescent="0.15">
      <c r="A75" s="10" t="s">
        <v>135</v>
      </c>
      <c r="B75" s="22" t="s">
        <v>134</v>
      </c>
      <c r="C75" s="21">
        <v>13534</v>
      </c>
      <c r="D75" s="20">
        <v>44386</v>
      </c>
      <c r="E75" s="20">
        <v>21776</v>
      </c>
      <c r="F75" s="19">
        <v>22610</v>
      </c>
      <c r="G75" s="6">
        <v>1025</v>
      </c>
      <c r="H75" s="3">
        <v>3182</v>
      </c>
      <c r="I75" s="3">
        <v>1568</v>
      </c>
      <c r="J75" s="5">
        <v>1614</v>
      </c>
      <c r="K75" s="6">
        <v>1121</v>
      </c>
      <c r="L75" s="3">
        <v>3270</v>
      </c>
      <c r="M75" s="3">
        <v>1554</v>
      </c>
      <c r="N75" s="18">
        <v>1716</v>
      </c>
    </row>
    <row r="76" spans="1:14" s="11" customFormat="1" ht="17.25" customHeight="1" x14ac:dyDescent="0.15">
      <c r="A76" s="10" t="s">
        <v>133</v>
      </c>
      <c r="B76" s="22" t="s">
        <v>132</v>
      </c>
      <c r="C76" s="21">
        <v>14088</v>
      </c>
      <c r="D76" s="20">
        <v>45698</v>
      </c>
      <c r="E76" s="20">
        <v>22371</v>
      </c>
      <c r="F76" s="19">
        <v>23327</v>
      </c>
      <c r="G76" s="6">
        <v>1043</v>
      </c>
      <c r="H76" s="3">
        <v>3174</v>
      </c>
      <c r="I76" s="3">
        <v>1560</v>
      </c>
      <c r="J76" s="5">
        <v>1614</v>
      </c>
      <c r="K76" s="6">
        <v>1128</v>
      </c>
      <c r="L76" s="3">
        <v>3220</v>
      </c>
      <c r="M76" s="3">
        <v>1537</v>
      </c>
      <c r="N76" s="18">
        <v>1683</v>
      </c>
    </row>
    <row r="77" spans="1:14" s="11" customFormat="1" ht="17.25" customHeight="1" x14ac:dyDescent="0.15">
      <c r="A77" s="10" t="s">
        <v>131</v>
      </c>
      <c r="B77" s="22" t="s">
        <v>130</v>
      </c>
      <c r="C77" s="21">
        <v>14556</v>
      </c>
      <c r="D77" s="20">
        <v>46729</v>
      </c>
      <c r="E77" s="20">
        <v>22760</v>
      </c>
      <c r="F77" s="19">
        <v>23969</v>
      </c>
      <c r="G77" s="6">
        <v>1077</v>
      </c>
      <c r="H77" s="3">
        <v>3222</v>
      </c>
      <c r="I77" s="3">
        <v>1583</v>
      </c>
      <c r="J77" s="5">
        <v>1639</v>
      </c>
      <c r="K77" s="6">
        <v>1121</v>
      </c>
      <c r="L77" s="3">
        <v>3100</v>
      </c>
      <c r="M77" s="3">
        <v>1478</v>
      </c>
      <c r="N77" s="18">
        <v>1622</v>
      </c>
    </row>
    <row r="78" spans="1:14" s="11" customFormat="1" ht="36" x14ac:dyDescent="0.15">
      <c r="A78" s="10" t="s">
        <v>129</v>
      </c>
      <c r="B78" s="22" t="s">
        <v>128</v>
      </c>
      <c r="C78" s="8" t="s">
        <v>127</v>
      </c>
      <c r="D78" s="7" t="s">
        <v>126</v>
      </c>
      <c r="E78" s="7" t="s">
        <v>125</v>
      </c>
      <c r="F78" s="17" t="s">
        <v>124</v>
      </c>
      <c r="G78" s="29" t="s">
        <v>123</v>
      </c>
      <c r="H78" s="13" t="s">
        <v>122</v>
      </c>
      <c r="I78" s="28" t="s">
        <v>121</v>
      </c>
      <c r="J78" s="30" t="s">
        <v>120</v>
      </c>
      <c r="K78" s="29" t="s">
        <v>119</v>
      </c>
      <c r="L78" s="13" t="s">
        <v>118</v>
      </c>
      <c r="M78" s="28" t="s">
        <v>117</v>
      </c>
      <c r="N78" s="27" t="s">
        <v>116</v>
      </c>
    </row>
    <row r="79" spans="1:14" s="11" customFormat="1" ht="17.25" customHeight="1" x14ac:dyDescent="0.15">
      <c r="A79" s="10" t="s">
        <v>115</v>
      </c>
      <c r="B79" s="22" t="s">
        <v>114</v>
      </c>
      <c r="C79" s="21">
        <v>15567</v>
      </c>
      <c r="D79" s="20">
        <v>48985</v>
      </c>
      <c r="E79" s="20">
        <v>23815</v>
      </c>
      <c r="F79" s="19">
        <v>25170</v>
      </c>
      <c r="G79" s="6">
        <v>1099</v>
      </c>
      <c r="H79" s="3">
        <v>3239</v>
      </c>
      <c r="I79" s="3">
        <v>1588</v>
      </c>
      <c r="J79" s="5">
        <v>1651</v>
      </c>
      <c r="K79" s="6">
        <v>1101</v>
      </c>
      <c r="L79" s="3">
        <v>2925</v>
      </c>
      <c r="M79" s="3">
        <v>1383</v>
      </c>
      <c r="N79" s="18">
        <v>1542</v>
      </c>
    </row>
    <row r="80" spans="1:14" s="11" customFormat="1" ht="17.25" customHeight="1" x14ac:dyDescent="0.15">
      <c r="A80" s="10" t="s">
        <v>113</v>
      </c>
      <c r="B80" s="22" t="s">
        <v>112</v>
      </c>
      <c r="C80" s="21">
        <v>16126</v>
      </c>
      <c r="D80" s="20">
        <v>49980</v>
      </c>
      <c r="E80" s="20">
        <v>24345</v>
      </c>
      <c r="F80" s="19">
        <v>25635</v>
      </c>
      <c r="G80" s="6">
        <v>1119</v>
      </c>
      <c r="H80" s="3">
        <v>3235</v>
      </c>
      <c r="I80" s="3">
        <v>1593</v>
      </c>
      <c r="J80" s="5">
        <v>1642</v>
      </c>
      <c r="K80" s="6">
        <v>1090</v>
      </c>
      <c r="L80" s="3">
        <v>2831</v>
      </c>
      <c r="M80" s="3">
        <v>1335</v>
      </c>
      <c r="N80" s="18">
        <v>1496</v>
      </c>
    </row>
    <row r="81" spans="1:14" s="11" customFormat="1" ht="17.25" customHeight="1" x14ac:dyDescent="0.15">
      <c r="A81" s="10" t="s">
        <v>111</v>
      </c>
      <c r="B81" s="22" t="s">
        <v>110</v>
      </c>
      <c r="C81" s="21">
        <v>16755</v>
      </c>
      <c r="D81" s="20">
        <v>51207</v>
      </c>
      <c r="E81" s="20">
        <v>24948</v>
      </c>
      <c r="F81" s="19">
        <v>26259</v>
      </c>
      <c r="G81" s="6">
        <v>1119</v>
      </c>
      <c r="H81" s="3">
        <v>3210</v>
      </c>
      <c r="I81" s="3">
        <v>1599</v>
      </c>
      <c r="J81" s="5">
        <v>1611</v>
      </c>
      <c r="K81" s="6">
        <v>1095</v>
      </c>
      <c r="L81" s="3">
        <v>2807</v>
      </c>
      <c r="M81" s="3">
        <v>1318</v>
      </c>
      <c r="N81" s="18">
        <v>1489</v>
      </c>
    </row>
    <row r="82" spans="1:14" s="11" customFormat="1" ht="17.25" customHeight="1" x14ac:dyDescent="0.15">
      <c r="A82" s="10" t="s">
        <v>109</v>
      </c>
      <c r="B82" s="22" t="s">
        <v>108</v>
      </c>
      <c r="C82" s="21">
        <v>17271</v>
      </c>
      <c r="D82" s="20">
        <v>52074</v>
      </c>
      <c r="E82" s="20">
        <v>25352</v>
      </c>
      <c r="F82" s="19">
        <v>26722</v>
      </c>
      <c r="G82" s="6">
        <v>1139</v>
      </c>
      <c r="H82" s="3">
        <v>3203</v>
      </c>
      <c r="I82" s="3">
        <v>1606</v>
      </c>
      <c r="J82" s="5">
        <v>1597</v>
      </c>
      <c r="K82" s="6">
        <v>1096</v>
      </c>
      <c r="L82" s="3">
        <v>2754</v>
      </c>
      <c r="M82" s="3">
        <v>1296</v>
      </c>
      <c r="N82" s="18">
        <v>1458</v>
      </c>
    </row>
    <row r="83" spans="1:14" s="11" customFormat="1" ht="36" x14ac:dyDescent="0.15">
      <c r="A83" s="10" t="s">
        <v>107</v>
      </c>
      <c r="B83" s="22" t="s">
        <v>106</v>
      </c>
      <c r="C83" s="8" t="s">
        <v>105</v>
      </c>
      <c r="D83" s="7" t="s">
        <v>104</v>
      </c>
      <c r="E83" s="7" t="s">
        <v>103</v>
      </c>
      <c r="F83" s="17" t="s">
        <v>102</v>
      </c>
      <c r="G83" s="29" t="s">
        <v>101</v>
      </c>
      <c r="H83" s="13" t="s">
        <v>100</v>
      </c>
      <c r="I83" s="28" t="s">
        <v>99</v>
      </c>
      <c r="J83" s="30" t="s">
        <v>98</v>
      </c>
      <c r="K83" s="29" t="s">
        <v>97</v>
      </c>
      <c r="L83" s="13" t="s">
        <v>96</v>
      </c>
      <c r="M83" s="28" t="s">
        <v>95</v>
      </c>
      <c r="N83" s="27" t="s">
        <v>94</v>
      </c>
    </row>
    <row r="84" spans="1:14" s="11" customFormat="1" ht="17.25" customHeight="1" x14ac:dyDescent="0.15">
      <c r="A84" s="10" t="s">
        <v>93</v>
      </c>
      <c r="B84" s="22" t="s">
        <v>92</v>
      </c>
      <c r="C84" s="6">
        <v>18327</v>
      </c>
      <c r="D84" s="3">
        <v>53660</v>
      </c>
      <c r="E84" s="3">
        <v>26237</v>
      </c>
      <c r="F84" s="5">
        <v>27423</v>
      </c>
      <c r="G84" s="6">
        <v>1193</v>
      </c>
      <c r="H84" s="3">
        <v>3171</v>
      </c>
      <c r="I84" s="3">
        <v>1586</v>
      </c>
      <c r="J84" s="5">
        <v>1585</v>
      </c>
      <c r="K84" s="6">
        <v>1087</v>
      </c>
      <c r="L84" s="3">
        <v>2632</v>
      </c>
      <c r="M84" s="3">
        <v>1238</v>
      </c>
      <c r="N84" s="18">
        <v>1394</v>
      </c>
    </row>
    <row r="85" spans="1:14" s="11" customFormat="1" ht="17.25" customHeight="1" x14ac:dyDescent="0.15">
      <c r="A85" s="10" t="s">
        <v>91</v>
      </c>
      <c r="B85" s="22" t="s">
        <v>90</v>
      </c>
      <c r="C85" s="6">
        <v>18703</v>
      </c>
      <c r="D85" s="3">
        <v>54012</v>
      </c>
      <c r="E85" s="3">
        <v>26401</v>
      </c>
      <c r="F85" s="5">
        <v>27611</v>
      </c>
      <c r="G85" s="6">
        <v>1190</v>
      </c>
      <c r="H85" s="3">
        <v>3128</v>
      </c>
      <c r="I85" s="3">
        <v>1553</v>
      </c>
      <c r="J85" s="5">
        <v>1575</v>
      </c>
      <c r="K85" s="6">
        <v>1078</v>
      </c>
      <c r="L85" s="3">
        <v>2586</v>
      </c>
      <c r="M85" s="3">
        <v>1214</v>
      </c>
      <c r="N85" s="18">
        <v>1372</v>
      </c>
    </row>
    <row r="86" spans="1:14" s="11" customFormat="1" ht="17.25" customHeight="1" x14ac:dyDescent="0.15">
      <c r="A86" s="10" t="s">
        <v>89</v>
      </c>
      <c r="B86" s="22" t="s">
        <v>88</v>
      </c>
      <c r="C86" s="6">
        <v>19060</v>
      </c>
      <c r="D86" s="3">
        <v>54428</v>
      </c>
      <c r="E86" s="3">
        <v>26590</v>
      </c>
      <c r="F86" s="5">
        <v>27838</v>
      </c>
      <c r="G86" s="6">
        <v>1205</v>
      </c>
      <c r="H86" s="3">
        <v>3116</v>
      </c>
      <c r="I86" s="3">
        <v>1548</v>
      </c>
      <c r="J86" s="5">
        <v>1568</v>
      </c>
      <c r="K86" s="6">
        <v>1071</v>
      </c>
      <c r="L86" s="3">
        <v>2478</v>
      </c>
      <c r="M86" s="3">
        <v>1165</v>
      </c>
      <c r="N86" s="18">
        <v>1313</v>
      </c>
    </row>
    <row r="87" spans="1:14" s="11" customFormat="1" ht="17.25" customHeight="1" x14ac:dyDescent="0.15">
      <c r="A87" s="10" t="s">
        <v>87</v>
      </c>
      <c r="B87" s="22" t="s">
        <v>86</v>
      </c>
      <c r="C87" s="21">
        <v>19523</v>
      </c>
      <c r="D87" s="20">
        <v>54806</v>
      </c>
      <c r="E87" s="20">
        <v>26692</v>
      </c>
      <c r="F87" s="19">
        <v>28114</v>
      </c>
      <c r="G87" s="6">
        <v>1212</v>
      </c>
      <c r="H87" s="3">
        <v>3083</v>
      </c>
      <c r="I87" s="3">
        <v>1532</v>
      </c>
      <c r="J87" s="5">
        <v>1551</v>
      </c>
      <c r="K87" s="6">
        <v>1045</v>
      </c>
      <c r="L87" s="3">
        <v>2387</v>
      </c>
      <c r="M87" s="3">
        <v>1140</v>
      </c>
      <c r="N87" s="18">
        <v>1247</v>
      </c>
    </row>
    <row r="88" spans="1:14" s="11" customFormat="1" ht="36" x14ac:dyDescent="0.15">
      <c r="A88" s="10" t="s">
        <v>85</v>
      </c>
      <c r="B88" s="22" t="s">
        <v>84</v>
      </c>
      <c r="C88" s="8" t="s">
        <v>83</v>
      </c>
      <c r="D88" s="7" t="s">
        <v>82</v>
      </c>
      <c r="E88" s="7" t="s">
        <v>81</v>
      </c>
      <c r="F88" s="17" t="s">
        <v>80</v>
      </c>
      <c r="G88" s="25" t="s">
        <v>79</v>
      </c>
      <c r="H88" s="13" t="s">
        <v>78</v>
      </c>
      <c r="I88" s="24" t="s">
        <v>77</v>
      </c>
      <c r="J88" s="26" t="s">
        <v>76</v>
      </c>
      <c r="K88" s="25" t="s">
        <v>75</v>
      </c>
      <c r="L88" s="13" t="s">
        <v>74</v>
      </c>
      <c r="M88" s="24" t="s">
        <v>73</v>
      </c>
      <c r="N88" s="23" t="s">
        <v>72</v>
      </c>
    </row>
    <row r="89" spans="1:14" s="11" customFormat="1" ht="17.25" customHeight="1" x14ac:dyDescent="0.15">
      <c r="A89" s="10" t="s">
        <v>71</v>
      </c>
      <c r="B89" s="22" t="s">
        <v>70</v>
      </c>
      <c r="C89" s="21">
        <v>20569</v>
      </c>
      <c r="D89" s="20">
        <v>55578</v>
      </c>
      <c r="E89" s="20">
        <v>27090</v>
      </c>
      <c r="F89" s="19">
        <v>28488</v>
      </c>
      <c r="G89" s="6">
        <v>1248</v>
      </c>
      <c r="H89" s="3">
        <v>2979</v>
      </c>
      <c r="I89" s="3">
        <v>1492</v>
      </c>
      <c r="J89" s="5">
        <v>1487</v>
      </c>
      <c r="K89" s="6">
        <v>1026</v>
      </c>
      <c r="L89" s="3">
        <v>2312</v>
      </c>
      <c r="M89" s="3">
        <v>1103</v>
      </c>
      <c r="N89" s="18">
        <v>1209</v>
      </c>
    </row>
    <row r="90" spans="1:14" s="11" customFormat="1" ht="17.25" customHeight="1" x14ac:dyDescent="0.15">
      <c r="A90" s="10" t="s">
        <v>69</v>
      </c>
      <c r="B90" s="22" t="s">
        <v>68</v>
      </c>
      <c r="C90" s="21">
        <v>21081</v>
      </c>
      <c r="D90" s="20">
        <v>55805</v>
      </c>
      <c r="E90" s="20">
        <v>27189</v>
      </c>
      <c r="F90" s="19">
        <v>28616</v>
      </c>
      <c r="G90" s="6">
        <v>1250</v>
      </c>
      <c r="H90" s="3">
        <v>2944</v>
      </c>
      <c r="I90" s="3">
        <v>1479</v>
      </c>
      <c r="J90" s="5">
        <v>1465</v>
      </c>
      <c r="K90" s="6">
        <v>1025</v>
      </c>
      <c r="L90" s="3">
        <v>2284</v>
      </c>
      <c r="M90" s="3">
        <v>1089</v>
      </c>
      <c r="N90" s="18">
        <v>1195</v>
      </c>
    </row>
    <row r="91" spans="1:14" s="11" customFormat="1" ht="17.25" customHeight="1" x14ac:dyDescent="0.15">
      <c r="A91" s="10" t="s">
        <v>67</v>
      </c>
      <c r="B91" s="22" t="s">
        <v>66</v>
      </c>
      <c r="C91" s="21">
        <v>21608</v>
      </c>
      <c r="D91" s="20">
        <v>56023</v>
      </c>
      <c r="E91" s="20">
        <v>27274</v>
      </c>
      <c r="F91" s="19">
        <v>28749</v>
      </c>
      <c r="G91" s="6">
        <v>1245</v>
      </c>
      <c r="H91" s="3">
        <v>2861</v>
      </c>
      <c r="I91" s="3">
        <v>1433</v>
      </c>
      <c r="J91" s="5">
        <v>1428</v>
      </c>
      <c r="K91" s="6">
        <v>1021</v>
      </c>
      <c r="L91" s="3">
        <v>2223</v>
      </c>
      <c r="M91" s="3">
        <v>1050</v>
      </c>
      <c r="N91" s="18">
        <v>1173</v>
      </c>
    </row>
    <row r="92" spans="1:14" s="11" customFormat="1" ht="17.25" customHeight="1" x14ac:dyDescent="0.15">
      <c r="A92" s="10" t="s">
        <v>65</v>
      </c>
      <c r="B92" s="22" t="s">
        <v>64</v>
      </c>
      <c r="C92" s="21">
        <v>22069</v>
      </c>
      <c r="D92" s="20">
        <v>56343</v>
      </c>
      <c r="E92" s="20">
        <v>27419</v>
      </c>
      <c r="F92" s="19">
        <v>28924</v>
      </c>
      <c r="G92" s="6">
        <v>1244</v>
      </c>
      <c r="H92" s="3">
        <v>2818</v>
      </c>
      <c r="I92" s="3">
        <v>1416</v>
      </c>
      <c r="J92" s="5">
        <v>1402</v>
      </c>
      <c r="K92" s="6">
        <v>1014</v>
      </c>
      <c r="L92" s="3">
        <v>2171</v>
      </c>
      <c r="M92" s="3">
        <v>1022</v>
      </c>
      <c r="N92" s="18">
        <v>1149</v>
      </c>
    </row>
    <row r="93" spans="1:14" s="11" customFormat="1" ht="36" x14ac:dyDescent="0.15">
      <c r="A93" s="10" t="s">
        <v>63</v>
      </c>
      <c r="B93" s="22" t="s">
        <v>62</v>
      </c>
      <c r="C93" s="8" t="s">
        <v>61</v>
      </c>
      <c r="D93" s="7" t="s">
        <v>60</v>
      </c>
      <c r="E93" s="7" t="s">
        <v>59</v>
      </c>
      <c r="F93" s="17" t="s">
        <v>58</v>
      </c>
      <c r="G93" s="16" t="s">
        <v>57</v>
      </c>
      <c r="H93" s="13" t="s">
        <v>56</v>
      </c>
      <c r="I93" s="13" t="s">
        <v>55</v>
      </c>
      <c r="J93" s="15" t="s">
        <v>54</v>
      </c>
      <c r="K93" s="16" t="s">
        <v>53</v>
      </c>
      <c r="L93" s="13" t="s">
        <v>52</v>
      </c>
      <c r="M93" s="13" t="s">
        <v>51</v>
      </c>
      <c r="N93" s="12" t="s">
        <v>50</v>
      </c>
    </row>
    <row r="94" spans="1:14" s="11" customFormat="1" ht="17.25" customHeight="1" x14ac:dyDescent="0.15">
      <c r="A94" s="10" t="s">
        <v>49</v>
      </c>
      <c r="B94" s="22" t="s">
        <v>48</v>
      </c>
      <c r="C94" s="21">
        <v>25187</v>
      </c>
      <c r="D94" s="20">
        <v>61421</v>
      </c>
      <c r="E94" s="20">
        <v>29922</v>
      </c>
      <c r="F94" s="19">
        <v>31499</v>
      </c>
      <c r="G94" s="6">
        <v>1237</v>
      </c>
      <c r="H94" s="3">
        <v>2694</v>
      </c>
      <c r="I94" s="3">
        <v>1356</v>
      </c>
      <c r="J94" s="5">
        <v>1338</v>
      </c>
      <c r="K94" s="6">
        <v>999</v>
      </c>
      <c r="L94" s="3">
        <v>2024</v>
      </c>
      <c r="M94" s="3">
        <v>948</v>
      </c>
      <c r="N94" s="18">
        <v>1076</v>
      </c>
    </row>
    <row r="95" spans="1:14" s="11" customFormat="1" ht="17.25" customHeight="1" x14ac:dyDescent="0.15">
      <c r="A95" s="10" t="s">
        <v>47</v>
      </c>
      <c r="B95" s="22" t="s">
        <v>46</v>
      </c>
      <c r="C95" s="21">
        <v>25507</v>
      </c>
      <c r="D95" s="20">
        <v>61404</v>
      </c>
      <c r="E95" s="20">
        <v>29881</v>
      </c>
      <c r="F95" s="19">
        <v>31523</v>
      </c>
      <c r="G95" s="6">
        <v>1221</v>
      </c>
      <c r="H95" s="3">
        <v>2601</v>
      </c>
      <c r="I95" s="3">
        <v>1312</v>
      </c>
      <c r="J95" s="5">
        <v>1289</v>
      </c>
      <c r="K95" s="6">
        <v>988</v>
      </c>
      <c r="L95" s="3">
        <v>1955</v>
      </c>
      <c r="M95" s="3">
        <v>919</v>
      </c>
      <c r="N95" s="18">
        <v>1036</v>
      </c>
    </row>
    <row r="96" spans="1:14" s="11" customFormat="1" ht="17.25" customHeight="1" x14ac:dyDescent="0.15">
      <c r="A96" s="10" t="s">
        <v>45</v>
      </c>
      <c r="B96" s="22" t="s">
        <v>44</v>
      </c>
      <c r="C96" s="21">
        <v>25758</v>
      </c>
      <c r="D96" s="20">
        <v>61286</v>
      </c>
      <c r="E96" s="20">
        <v>29731</v>
      </c>
      <c r="F96" s="19">
        <v>31555</v>
      </c>
      <c r="G96" s="6">
        <v>1217</v>
      </c>
      <c r="H96" s="3">
        <v>2516</v>
      </c>
      <c r="I96" s="3">
        <v>1264</v>
      </c>
      <c r="J96" s="5">
        <v>1252</v>
      </c>
      <c r="K96" s="6">
        <v>966</v>
      </c>
      <c r="L96" s="3">
        <v>1898</v>
      </c>
      <c r="M96" s="3">
        <v>890</v>
      </c>
      <c r="N96" s="18">
        <v>1008</v>
      </c>
    </row>
    <row r="97" spans="1:14" s="11" customFormat="1" ht="17.25" customHeight="1" x14ac:dyDescent="0.15">
      <c r="A97" s="10" t="s">
        <v>43</v>
      </c>
      <c r="B97" s="22" t="s">
        <v>42</v>
      </c>
      <c r="C97" s="21">
        <v>26143</v>
      </c>
      <c r="D97" s="20">
        <v>61195</v>
      </c>
      <c r="E97" s="20">
        <v>29690</v>
      </c>
      <c r="F97" s="19">
        <v>31505</v>
      </c>
      <c r="G97" s="6">
        <v>1220</v>
      </c>
      <c r="H97" s="3">
        <v>2458</v>
      </c>
      <c r="I97" s="3">
        <v>1240</v>
      </c>
      <c r="J97" s="5">
        <v>1218</v>
      </c>
      <c r="K97" s="6">
        <v>953</v>
      </c>
      <c r="L97" s="3">
        <v>1836</v>
      </c>
      <c r="M97" s="3">
        <v>864</v>
      </c>
      <c r="N97" s="18">
        <v>972</v>
      </c>
    </row>
    <row r="98" spans="1:14" s="11" customFormat="1" ht="36" x14ac:dyDescent="0.15">
      <c r="A98" s="10" t="s">
        <v>41</v>
      </c>
      <c r="B98" s="22" t="s">
        <v>40</v>
      </c>
      <c r="C98" s="8" t="s">
        <v>39</v>
      </c>
      <c r="D98" s="7" t="s">
        <v>38</v>
      </c>
      <c r="E98" s="7" t="s">
        <v>37</v>
      </c>
      <c r="F98" s="17" t="s">
        <v>36</v>
      </c>
      <c r="G98" s="16" t="s">
        <v>35</v>
      </c>
      <c r="H98" s="13" t="s">
        <v>34</v>
      </c>
      <c r="I98" s="13" t="s">
        <v>33</v>
      </c>
      <c r="J98" s="15" t="s">
        <v>32</v>
      </c>
      <c r="K98" s="16" t="s">
        <v>31</v>
      </c>
      <c r="L98" s="13" t="s">
        <v>30</v>
      </c>
      <c r="M98" s="13" t="s">
        <v>29</v>
      </c>
      <c r="N98" s="12" t="s">
        <v>28</v>
      </c>
    </row>
    <row r="99" spans="1:14" s="11" customFormat="1" ht="17.25" customHeight="1" x14ac:dyDescent="0.15">
      <c r="A99" s="10" t="s">
        <v>27</v>
      </c>
      <c r="B99" s="22" t="s">
        <v>26</v>
      </c>
      <c r="C99" s="21">
        <v>26540</v>
      </c>
      <c r="D99" s="20">
        <v>60717</v>
      </c>
      <c r="E99" s="20">
        <v>29420</v>
      </c>
      <c r="F99" s="19">
        <v>31297</v>
      </c>
      <c r="G99" s="6">
        <v>1197</v>
      </c>
      <c r="H99" s="3">
        <v>2332</v>
      </c>
      <c r="I99" s="3">
        <v>1178</v>
      </c>
      <c r="J99" s="5">
        <v>1154</v>
      </c>
      <c r="K99" s="6">
        <v>905</v>
      </c>
      <c r="L99" s="3">
        <v>1705</v>
      </c>
      <c r="M99" s="3">
        <v>786</v>
      </c>
      <c r="N99" s="18">
        <v>919</v>
      </c>
    </row>
    <row r="100" spans="1:14" s="11" customFormat="1" ht="17.25" customHeight="1" x14ac:dyDescent="0.15">
      <c r="A100" s="10" t="s">
        <v>25</v>
      </c>
      <c r="B100" s="22" t="s">
        <v>24</v>
      </c>
      <c r="C100" s="21">
        <v>26761</v>
      </c>
      <c r="D100" s="20">
        <v>60533</v>
      </c>
      <c r="E100" s="20">
        <v>29267</v>
      </c>
      <c r="F100" s="19">
        <v>31266</v>
      </c>
      <c r="G100" s="6">
        <v>1178</v>
      </c>
      <c r="H100" s="3">
        <v>2254</v>
      </c>
      <c r="I100" s="3">
        <v>1132</v>
      </c>
      <c r="J100" s="5">
        <v>1122</v>
      </c>
      <c r="K100" s="6">
        <v>888</v>
      </c>
      <c r="L100" s="3">
        <v>1672</v>
      </c>
      <c r="M100" s="3">
        <v>767</v>
      </c>
      <c r="N100" s="18">
        <v>905</v>
      </c>
    </row>
    <row r="101" spans="1:14" s="11" customFormat="1" ht="17.25" customHeight="1" x14ac:dyDescent="0.15">
      <c r="A101" s="10" t="s">
        <v>23</v>
      </c>
      <c r="B101" s="22" t="s">
        <v>22</v>
      </c>
      <c r="C101" s="21">
        <v>26959</v>
      </c>
      <c r="D101" s="20">
        <v>60081</v>
      </c>
      <c r="E101" s="20">
        <v>29055</v>
      </c>
      <c r="F101" s="19">
        <v>31026</v>
      </c>
      <c r="G101" s="6">
        <v>1149</v>
      </c>
      <c r="H101" s="3">
        <v>2176</v>
      </c>
      <c r="I101" s="3">
        <v>1091</v>
      </c>
      <c r="J101" s="5">
        <v>1085</v>
      </c>
      <c r="K101" s="6">
        <v>871</v>
      </c>
      <c r="L101" s="3">
        <v>1591</v>
      </c>
      <c r="M101" s="3">
        <v>730</v>
      </c>
      <c r="N101" s="18">
        <v>861</v>
      </c>
    </row>
    <row r="102" spans="1:14" s="11" customFormat="1" ht="17.25" customHeight="1" x14ac:dyDescent="0.15">
      <c r="A102" s="10" t="s">
        <v>21</v>
      </c>
      <c r="B102" s="22" t="s">
        <v>20</v>
      </c>
      <c r="C102" s="21">
        <v>26995</v>
      </c>
      <c r="D102" s="20">
        <v>59449</v>
      </c>
      <c r="E102" s="20">
        <v>28776</v>
      </c>
      <c r="F102" s="19">
        <v>30673</v>
      </c>
      <c r="G102" s="6">
        <v>1112</v>
      </c>
      <c r="H102" s="3">
        <v>2104</v>
      </c>
      <c r="I102" s="3">
        <v>1054</v>
      </c>
      <c r="J102" s="5">
        <v>1050</v>
      </c>
      <c r="K102" s="6">
        <v>866</v>
      </c>
      <c r="L102" s="3">
        <v>1547</v>
      </c>
      <c r="M102" s="3">
        <v>709</v>
      </c>
      <c r="N102" s="18">
        <v>838</v>
      </c>
    </row>
    <row r="103" spans="1:14" s="11" customFormat="1" ht="24" customHeight="1" x14ac:dyDescent="0.15">
      <c r="A103" s="10" t="s">
        <v>19</v>
      </c>
      <c r="B103" s="9" t="s">
        <v>18</v>
      </c>
      <c r="C103" s="8" t="s">
        <v>17</v>
      </c>
      <c r="D103" s="7" t="s">
        <v>16</v>
      </c>
      <c r="E103" s="7" t="s">
        <v>15</v>
      </c>
      <c r="F103" s="17" t="s">
        <v>14</v>
      </c>
      <c r="G103" s="16" t="s">
        <v>13</v>
      </c>
      <c r="H103" s="13" t="s">
        <v>12</v>
      </c>
      <c r="I103" s="13" t="s">
        <v>11</v>
      </c>
      <c r="J103" s="15" t="s">
        <v>10</v>
      </c>
      <c r="K103" s="14" t="s">
        <v>9</v>
      </c>
      <c r="L103" s="13" t="s">
        <v>8</v>
      </c>
      <c r="M103" s="13" t="s">
        <v>7</v>
      </c>
      <c r="N103" s="12" t="s">
        <v>6</v>
      </c>
    </row>
    <row r="104" spans="1:14" ht="24" customHeight="1" x14ac:dyDescent="0.2">
      <c r="A104" s="10" t="s">
        <v>5</v>
      </c>
      <c r="B104" s="9" t="s">
        <v>4</v>
      </c>
      <c r="C104" s="8">
        <v>27345</v>
      </c>
      <c r="D104" s="7">
        <v>58982</v>
      </c>
      <c r="E104" s="7">
        <v>28462</v>
      </c>
      <c r="F104" s="7">
        <v>30520</v>
      </c>
      <c r="G104" s="6">
        <v>1088</v>
      </c>
      <c r="H104" s="3">
        <v>1976</v>
      </c>
      <c r="I104" s="3">
        <v>990</v>
      </c>
      <c r="J104" s="5">
        <v>986</v>
      </c>
      <c r="K104" s="4">
        <v>809</v>
      </c>
      <c r="L104" s="3">
        <v>1410</v>
      </c>
      <c r="M104" s="3">
        <v>644</v>
      </c>
      <c r="N104" s="2">
        <v>766</v>
      </c>
    </row>
    <row r="105" spans="1:14" ht="24" customHeight="1" x14ac:dyDescent="0.2">
      <c r="A105" s="10" t="s">
        <v>3</v>
      </c>
      <c r="B105" s="9" t="s">
        <v>2</v>
      </c>
      <c r="C105" s="8">
        <v>27423</v>
      </c>
      <c r="D105" s="7">
        <v>58581</v>
      </c>
      <c r="E105" s="7">
        <v>28247</v>
      </c>
      <c r="F105" s="7">
        <v>30334</v>
      </c>
      <c r="G105" s="6">
        <v>1063</v>
      </c>
      <c r="H105" s="3">
        <v>1928</v>
      </c>
      <c r="I105" s="3">
        <v>973</v>
      </c>
      <c r="J105" s="5">
        <v>955</v>
      </c>
      <c r="K105" s="4">
        <v>808</v>
      </c>
      <c r="L105" s="3">
        <v>1372</v>
      </c>
      <c r="M105" s="3">
        <v>625</v>
      </c>
      <c r="N105" s="2">
        <v>747</v>
      </c>
    </row>
    <row r="106" spans="1:14" ht="24" customHeight="1" x14ac:dyDescent="0.2">
      <c r="A106" s="50" t="s">
        <v>1</v>
      </c>
      <c r="B106" s="51" t="s">
        <v>0</v>
      </c>
      <c r="C106" s="52">
        <v>27550</v>
      </c>
      <c r="D106" s="53">
        <v>58363</v>
      </c>
      <c r="E106" s="53">
        <v>28153</v>
      </c>
      <c r="F106" s="53">
        <v>30210</v>
      </c>
      <c r="G106" s="54">
        <v>1024</v>
      </c>
      <c r="H106" s="55">
        <v>1874</v>
      </c>
      <c r="I106" s="55">
        <v>943</v>
      </c>
      <c r="J106" s="56">
        <v>931</v>
      </c>
      <c r="K106" s="57">
        <v>783</v>
      </c>
      <c r="L106" s="55">
        <v>1325</v>
      </c>
      <c r="M106" s="55">
        <v>597</v>
      </c>
      <c r="N106" s="58">
        <v>728</v>
      </c>
    </row>
    <row r="107" spans="1:14" ht="24" customHeight="1" x14ac:dyDescent="0.2">
      <c r="A107" s="10" t="s">
        <v>349</v>
      </c>
      <c r="B107" s="51" t="s">
        <v>350</v>
      </c>
      <c r="C107" s="8">
        <v>27818</v>
      </c>
      <c r="D107" s="7">
        <v>58275</v>
      </c>
      <c r="E107" s="7">
        <v>28151</v>
      </c>
      <c r="F107" s="17">
        <v>30124</v>
      </c>
      <c r="G107" s="54">
        <v>998</v>
      </c>
      <c r="H107" s="55">
        <v>1797</v>
      </c>
      <c r="I107" s="55">
        <v>905</v>
      </c>
      <c r="J107" s="5">
        <v>892</v>
      </c>
      <c r="K107" s="57">
        <v>766</v>
      </c>
      <c r="L107" s="55">
        <v>1272</v>
      </c>
      <c r="M107" s="55">
        <v>575</v>
      </c>
      <c r="N107" s="2">
        <v>697</v>
      </c>
    </row>
    <row r="108" spans="1:14" ht="24" customHeight="1" x14ac:dyDescent="0.2">
      <c r="A108" s="10" t="s">
        <v>351</v>
      </c>
      <c r="B108" s="22" t="s">
        <v>352</v>
      </c>
      <c r="C108" s="63" t="s">
        <v>353</v>
      </c>
      <c r="D108" s="7" t="s">
        <v>354</v>
      </c>
      <c r="E108" s="64" t="s">
        <v>355</v>
      </c>
      <c r="F108" s="64" t="s">
        <v>356</v>
      </c>
      <c r="G108" s="66" t="s">
        <v>358</v>
      </c>
      <c r="H108" s="67" t="s">
        <v>357</v>
      </c>
      <c r="I108" s="67" t="s">
        <v>359</v>
      </c>
      <c r="J108" s="68" t="s">
        <v>362</v>
      </c>
      <c r="K108" s="66" t="s">
        <v>363</v>
      </c>
      <c r="L108" s="13" t="s">
        <v>360</v>
      </c>
      <c r="M108" s="13" t="s">
        <v>361</v>
      </c>
      <c r="N108" s="70" t="s">
        <v>364</v>
      </c>
    </row>
    <row r="109" spans="1:14" ht="24" customHeight="1" x14ac:dyDescent="0.2">
      <c r="A109" s="10" t="s">
        <v>365</v>
      </c>
      <c r="B109" s="72" t="s">
        <v>366</v>
      </c>
      <c r="C109" s="8">
        <v>28285</v>
      </c>
      <c r="D109" s="7">
        <v>58140</v>
      </c>
      <c r="E109" s="7">
        <v>28173</v>
      </c>
      <c r="F109" s="75">
        <v>29967</v>
      </c>
      <c r="G109" s="16">
        <v>973</v>
      </c>
      <c r="H109" s="67">
        <v>1689</v>
      </c>
      <c r="I109" s="13">
        <v>857</v>
      </c>
      <c r="J109" s="15">
        <v>832</v>
      </c>
      <c r="K109" s="66">
        <v>721</v>
      </c>
      <c r="L109" s="13">
        <v>1174</v>
      </c>
      <c r="M109" s="13">
        <v>539</v>
      </c>
      <c r="N109" s="78">
        <v>635</v>
      </c>
    </row>
    <row r="110" spans="1:14" ht="24" customHeight="1" thickBot="1" x14ac:dyDescent="0.25">
      <c r="A110" s="59" t="s">
        <v>367</v>
      </c>
      <c r="B110" s="73" t="s">
        <v>368</v>
      </c>
      <c r="C110" s="74">
        <v>28412</v>
      </c>
      <c r="D110" s="60">
        <v>57984</v>
      </c>
      <c r="E110" s="60">
        <v>28063</v>
      </c>
      <c r="F110" s="65">
        <v>29921</v>
      </c>
      <c r="G110" s="76">
        <v>949</v>
      </c>
      <c r="H110" s="62">
        <v>1640</v>
      </c>
      <c r="I110" s="69">
        <v>829</v>
      </c>
      <c r="J110" s="77">
        <v>811</v>
      </c>
      <c r="K110" s="61">
        <v>686</v>
      </c>
      <c r="L110" s="69">
        <v>1114</v>
      </c>
      <c r="M110" s="69">
        <v>514</v>
      </c>
      <c r="N110" s="71">
        <v>600</v>
      </c>
    </row>
  </sheetData>
  <mergeCells count="11">
    <mergeCell ref="A1:A3"/>
    <mergeCell ref="B1:B3"/>
    <mergeCell ref="C1:F1"/>
    <mergeCell ref="G1:J1"/>
    <mergeCell ref="K1:N1"/>
    <mergeCell ref="C2:C3"/>
    <mergeCell ref="D2:F2"/>
    <mergeCell ref="G2:G3"/>
    <mergeCell ref="H2:J2"/>
    <mergeCell ref="K2:K3"/>
    <mergeCell ref="L2:N2"/>
  </mergeCells>
  <phoneticPr fontId="2"/>
  <pageMargins left="0.59055118110236227" right="0.59055118110236227" top="1.1811023622047245" bottom="0.78740157480314965" header="0.62992125984251968" footer="0.19685039370078741"/>
  <pageSetup paperSize="9" scale="73" orientation="landscape" horizontalDpi="300" verticalDpi="300" r:id="rId1"/>
  <headerFooter alignWithMargins="0">
    <oddHeader>&amp;L&amp;14 ２　世帯数・人口&amp;R資料：住民基本台帳、国勢調査
（各年10月1日現在単位:世帯・人）
※明治21年から大正6年までの住民基本台帳等は北海道戸口表より：12月31日現在</oddHeader>
    <oddFooter>&amp;L※明治5、15年は石狩町誌、明治21年から大正6年までは北海道戸口表、大正9年から昭和25年までは国勢調査、昭和29年から住民基本台帳の数値である（国勢調査実施年はカッコ書きで記載。）　　　※平成17年は、浜益村・厚田村との合算である。
※世帯数について明治21年は本籍と寄留を合わせた戸数、明治23年～大正6年は現住戸。</oddFooter>
  </headerFooter>
  <rowBreaks count="2" manualBreakCount="2">
    <brk id="68" max="13" man="1"/>
    <brk id="96" max="1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２　世帯数・人口</vt:lpstr>
      <vt:lpstr>'２　世帯数・人口'!Print_Area</vt:lpstr>
      <vt:lpstr>'２　世帯数・人口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12-02T02:32:55Z</cp:lastPrinted>
  <dcterms:created xsi:type="dcterms:W3CDTF">2019-09-26T04:49:29Z</dcterms:created>
  <dcterms:modified xsi:type="dcterms:W3CDTF">2023-06-08T07:51:57Z</dcterms:modified>
</cp:coreProperties>
</file>